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filterPrivacy="1" defaultThemeVersion="153222"/>
  <bookViews>
    <workbookView xWindow="-15" yWindow="-15" windowWidth="10245" windowHeight="8100" tabRatio="861"/>
  </bookViews>
  <sheets>
    <sheet name="会計別）表紙" sheetId="10" r:id="rId1"/>
    <sheet name="目次（行間隔修正済み）" sheetId="16" r:id="rId2"/>
    <sheet name="一般）表紙" sheetId="15" r:id="rId3"/>
    <sheet name="一般）貸借対照表" sheetId="111" r:id="rId4"/>
    <sheet name="一般）行政コスト計算書" sheetId="112" r:id="rId5"/>
    <sheet name="一般）純資産変動計算書" sheetId="113" r:id="rId6"/>
    <sheet name="一般）キャッシュフロー計算書" sheetId="114" r:id="rId7"/>
    <sheet name="一般）注記  " sheetId="132" r:id="rId8"/>
    <sheet name="一般）有形固定資産等明細表" sheetId="18" r:id="rId9"/>
    <sheet name="一般）基金明細" sheetId="19" r:id="rId10"/>
    <sheet name="一般）出資金明細" sheetId="20" r:id="rId11"/>
    <sheet name="一般）貸付金明細" sheetId="21" r:id="rId12"/>
    <sheet name="一般）引当金明細表" sheetId="22" r:id="rId13"/>
    <sheet name="食肉）表紙" sheetId="25" r:id="rId14"/>
    <sheet name="食肉）貸借対照表" sheetId="26" r:id="rId15"/>
    <sheet name="食肉）行政コスト計算書" sheetId="27" r:id="rId16"/>
    <sheet name="食肉）純資産変動計算書" sheetId="29" r:id="rId17"/>
    <sheet name="食肉）キャッシュフロー計算書" sheetId="28" r:id="rId18"/>
    <sheet name="食肉）注記" sheetId="156" r:id="rId19"/>
    <sheet name="食肉）有形固定資産等明細表" sheetId="76" r:id="rId20"/>
    <sheet name="食肉）貸付金明細" sheetId="154" r:id="rId21"/>
    <sheet name="食肉）引当金明細表" sheetId="136" r:id="rId22"/>
    <sheet name="駐車場）表紙" sheetId="35" r:id="rId23"/>
    <sheet name="駐車場）貸借対照表" sheetId="36" r:id="rId24"/>
    <sheet name="駐車場）行政コスト計算書" sheetId="37" r:id="rId25"/>
    <sheet name="駐車場）純資産変動計算書" sheetId="39" r:id="rId26"/>
    <sheet name="駐車場）キャッシュフロー計算書" sheetId="38" r:id="rId27"/>
    <sheet name="駐車場）注記" sheetId="157" r:id="rId28"/>
    <sheet name="駐車場）有形固定資産等明細表" sheetId="137" r:id="rId29"/>
    <sheet name="駐車場）引当金明細表" sheetId="138" r:id="rId30"/>
    <sheet name="母子）表紙" sheetId="46" r:id="rId31"/>
    <sheet name="母子）貸借対照表" sheetId="47" r:id="rId32"/>
    <sheet name="母子）行政コスト計算書" sheetId="48" r:id="rId33"/>
    <sheet name="母子）純資産変動計算書" sheetId="50" r:id="rId34"/>
    <sheet name="母子）キャッシュフロー計算書" sheetId="49" r:id="rId35"/>
    <sheet name="母子）注記" sheetId="158" r:id="rId36"/>
    <sheet name="母子）貸付金明細" sheetId="155" r:id="rId37"/>
    <sheet name="母子）引当金明細表" sheetId="140" r:id="rId38"/>
    <sheet name="国保）表紙" sheetId="51" r:id="rId39"/>
    <sheet name="国保）貸借対照表" sheetId="52" r:id="rId40"/>
    <sheet name="国保）行政コスト計算書" sheetId="53" r:id="rId41"/>
    <sheet name="国保）純資産変動計算書" sheetId="55" r:id="rId42"/>
    <sheet name="国保）キャッシュフロー計算書" sheetId="54" r:id="rId43"/>
    <sheet name="国保）注記" sheetId="159" r:id="rId44"/>
    <sheet name="国保）有形固定資産等明細表" sheetId="141" r:id="rId45"/>
    <sheet name="国保）基金明細" sheetId="153" r:id="rId46"/>
    <sheet name="国保）引当金明細表" sheetId="142" r:id="rId47"/>
    <sheet name="心身）表紙" sheetId="56" r:id="rId48"/>
    <sheet name="心身）貸借対照表" sheetId="57" r:id="rId49"/>
    <sheet name="心身）行政コスト計算書" sheetId="58" r:id="rId50"/>
    <sheet name="心身）純資産変動計算書" sheetId="60" r:id="rId51"/>
    <sheet name="心身）キャッシュフロー計算書" sheetId="59" r:id="rId52"/>
    <sheet name="心身）注記" sheetId="160" r:id="rId53"/>
    <sheet name="心身）基金明細 " sheetId="143" r:id="rId54"/>
    <sheet name="心身）引当金明細表" sheetId="144" r:id="rId55"/>
    <sheet name="介護）表紙 " sheetId="61" r:id="rId56"/>
    <sheet name="介護）貸借対照表" sheetId="62" r:id="rId57"/>
    <sheet name="介護）行政コスト計算書" sheetId="63" r:id="rId58"/>
    <sheet name="介護）純資産変動計算書" sheetId="65" r:id="rId59"/>
    <sheet name="介護）キャッシュフロー計算書" sheetId="64" r:id="rId60"/>
    <sheet name="介護）注記" sheetId="161" r:id="rId61"/>
    <sheet name="介護）有形固定資産等明細表" sheetId="145" r:id="rId62"/>
    <sheet name="介護）基金明細 " sheetId="146" r:id="rId63"/>
    <sheet name="介護）引当金明細表" sheetId="147" r:id="rId64"/>
    <sheet name="後期）表紙" sheetId="66" r:id="rId65"/>
    <sheet name="後期）貸借対照表" sheetId="67" r:id="rId66"/>
    <sheet name="後期）行政コスト計算書" sheetId="68" r:id="rId67"/>
    <sheet name="後期）純資産変動計算書" sheetId="70" r:id="rId68"/>
    <sheet name="後期）キャッシュフロー計算書" sheetId="69" r:id="rId69"/>
    <sheet name="後期）注記" sheetId="162" r:id="rId70"/>
    <sheet name="後期）有形固定資産等明細表" sheetId="148" r:id="rId71"/>
    <sheet name="後期）引当金明細表" sheetId="149" r:id="rId72"/>
    <sheet name="公債費）表紙" sheetId="71" r:id="rId73"/>
    <sheet name="公債費）貸借対照表" sheetId="72" r:id="rId74"/>
    <sheet name="公債費）行政コスト計算書" sheetId="73" r:id="rId75"/>
    <sheet name="公債費）純資産変動計算書" sheetId="75" r:id="rId76"/>
    <sheet name="公債費）キャッシュフロー計算書" sheetId="74" r:id="rId77"/>
    <sheet name="公債費）注記" sheetId="163" r:id="rId78"/>
    <sheet name="公債費）有形固定資産等明細表" sheetId="150" r:id="rId79"/>
    <sheet name="公債費）基金明細" sheetId="151" r:id="rId80"/>
    <sheet name="公債費）引当金明細表" sheetId="152" r:id="rId81"/>
  </sheets>
  <externalReferences>
    <externalReference r:id="rId82"/>
    <externalReference r:id="rId83"/>
    <externalReference r:id="rId84"/>
    <externalReference r:id="rId85"/>
    <externalReference r:id="rId86"/>
    <externalReference r:id="rId87"/>
  </externalReferences>
  <definedNames>
    <definedName name="_xlnm._FilterDatabase" localSheetId="9" hidden="1">'一般）基金明細'!$B$8:$Q$45</definedName>
    <definedName name="_xlnm._FilterDatabase" localSheetId="10" hidden="1">'一般）出資金明細'!$B$8:$W$122</definedName>
    <definedName name="_xlnm._FilterDatabase" localSheetId="11" hidden="1">'一般）貸付金明細'!$A$9:$AF$42</definedName>
    <definedName name="_xlnm._FilterDatabase" localSheetId="62" hidden="1">'介護）基金明細 '!$B$8:$Q$11</definedName>
    <definedName name="_xlnm._FilterDatabase" localSheetId="79" hidden="1">'公債費）基金明細'!$B$8:$Q$11</definedName>
    <definedName name="_xlnm._FilterDatabase" localSheetId="45" hidden="1">'国保）基金明細'!$B$8:$Q$11</definedName>
    <definedName name="_xlnm._FilterDatabase" localSheetId="20" hidden="1">'食肉）貸付金明細'!$A$9:$AF$11</definedName>
    <definedName name="_xlnm._FilterDatabase" localSheetId="36" hidden="1">'母子）貸付金明細'!$A$17:$AF$21</definedName>
    <definedName name="CTI番号" localSheetId="10">#REF!</definedName>
    <definedName name="CTI番号" localSheetId="63">#REF!</definedName>
    <definedName name="CTI番号" localSheetId="62">#REF!</definedName>
    <definedName name="CTI番号" localSheetId="60">#REF!</definedName>
    <definedName name="CTI番号" localSheetId="55">#REF!</definedName>
    <definedName name="CTI番号" localSheetId="61">#REF!</definedName>
    <definedName name="CTI番号" localSheetId="71">#REF!</definedName>
    <definedName name="CTI番号" localSheetId="69">#REF!</definedName>
    <definedName name="CTI番号" localSheetId="64">#REF!</definedName>
    <definedName name="CTI番号" localSheetId="70">#REF!</definedName>
    <definedName name="CTI番号" localSheetId="80">#REF!</definedName>
    <definedName name="CTI番号" localSheetId="79">#REF!</definedName>
    <definedName name="CTI番号" localSheetId="77">#REF!</definedName>
    <definedName name="CTI番号" localSheetId="72">#REF!</definedName>
    <definedName name="CTI番号" localSheetId="78">#REF!</definedName>
    <definedName name="CTI番号" localSheetId="46">#REF!</definedName>
    <definedName name="CTI番号" localSheetId="45">#REF!</definedName>
    <definedName name="CTI番号" localSheetId="43">#REF!</definedName>
    <definedName name="CTI番号" localSheetId="38">#REF!</definedName>
    <definedName name="CTI番号" localSheetId="44">#REF!</definedName>
    <definedName name="CTI番号" localSheetId="21">#REF!</definedName>
    <definedName name="CTI番号" localSheetId="20">#REF!</definedName>
    <definedName name="CTI番号" localSheetId="18">#REF!</definedName>
    <definedName name="CTI番号" localSheetId="13">#REF!</definedName>
    <definedName name="CTI番号" localSheetId="19">#REF!</definedName>
    <definedName name="CTI番号" localSheetId="54">#REF!</definedName>
    <definedName name="CTI番号" localSheetId="53">#REF!</definedName>
    <definedName name="CTI番号" localSheetId="52">#REF!</definedName>
    <definedName name="CTI番号" localSheetId="47">#REF!</definedName>
    <definedName name="CTI番号" localSheetId="29">#REF!</definedName>
    <definedName name="CTI番号" localSheetId="27">#REF!</definedName>
    <definedName name="CTI番号" localSheetId="22">#REF!</definedName>
    <definedName name="CTI番号" localSheetId="28">#REF!</definedName>
    <definedName name="CTI番号" localSheetId="37">#REF!</definedName>
    <definedName name="CTI番号" localSheetId="36">#REF!</definedName>
    <definedName name="CTI番号" localSheetId="35">#REF!</definedName>
    <definedName name="CTI番号" localSheetId="30">#REF!</definedName>
    <definedName name="CTI番号">#REF!</definedName>
    <definedName name="DB型２">[1]リスト!$A$2:$A$4</definedName>
    <definedName name="FAX番号" localSheetId="10">#REF!</definedName>
    <definedName name="FAX番号" localSheetId="63">#REF!</definedName>
    <definedName name="FAX番号" localSheetId="62">#REF!</definedName>
    <definedName name="FAX番号" localSheetId="60">#REF!</definedName>
    <definedName name="FAX番号" localSheetId="55">#REF!</definedName>
    <definedName name="FAX番号" localSheetId="61">#REF!</definedName>
    <definedName name="FAX番号" localSheetId="71">#REF!</definedName>
    <definedName name="FAX番号" localSheetId="69">#REF!</definedName>
    <definedName name="FAX番号" localSheetId="64">#REF!</definedName>
    <definedName name="FAX番号" localSheetId="70">#REF!</definedName>
    <definedName name="FAX番号" localSheetId="80">#REF!</definedName>
    <definedName name="FAX番号" localSheetId="79">#REF!</definedName>
    <definedName name="FAX番号" localSheetId="77">#REF!</definedName>
    <definedName name="FAX番号" localSheetId="72">#REF!</definedName>
    <definedName name="FAX番号" localSheetId="78">#REF!</definedName>
    <definedName name="FAX番号" localSheetId="46">#REF!</definedName>
    <definedName name="FAX番号" localSheetId="45">#REF!</definedName>
    <definedName name="FAX番号" localSheetId="43">#REF!</definedName>
    <definedName name="FAX番号" localSheetId="38">#REF!</definedName>
    <definedName name="FAX番号" localSheetId="44">#REF!</definedName>
    <definedName name="FAX番号" localSheetId="21">#REF!</definedName>
    <definedName name="FAX番号" localSheetId="20">#REF!</definedName>
    <definedName name="FAX番号" localSheetId="18">#REF!</definedName>
    <definedName name="FAX番号" localSheetId="13">#REF!</definedName>
    <definedName name="FAX番号" localSheetId="19">#REF!</definedName>
    <definedName name="FAX番号" localSheetId="54">#REF!</definedName>
    <definedName name="FAX番号" localSheetId="53">#REF!</definedName>
    <definedName name="FAX番号" localSheetId="52">#REF!</definedName>
    <definedName name="FAX番号" localSheetId="47">#REF!</definedName>
    <definedName name="FAX番号" localSheetId="29">#REF!</definedName>
    <definedName name="FAX番号" localSheetId="27">#REF!</definedName>
    <definedName name="FAX番号" localSheetId="22">#REF!</definedName>
    <definedName name="FAX番号" localSheetId="28">#REF!</definedName>
    <definedName name="FAX番号" localSheetId="37">#REF!</definedName>
    <definedName name="FAX番号" localSheetId="36">#REF!</definedName>
    <definedName name="FAX番号" localSheetId="35">#REF!</definedName>
    <definedName name="FAX番号" localSheetId="30">#REF!</definedName>
    <definedName name="FAX番号">#REF!</definedName>
    <definedName name="FDDW0012new">[2]リスト!$A$2:$A$4</definedName>
    <definedName name="fffff">[3]リスト!$A$2:$A$4</definedName>
    <definedName name="_xlnm.Print_Area" localSheetId="6">'一般）キャッシュフロー計算書'!$A$1:$S$63</definedName>
    <definedName name="_xlnm.Print_Area" localSheetId="12">'一般）引当金明細表'!$A$1:$O$20,'一般）引当金明細表'!$A$22:$J$29</definedName>
    <definedName name="_xlnm.Print_Area" localSheetId="9">'一般）基金明細'!$A$1:$O$46</definedName>
    <definedName name="_xlnm.Print_Area" localSheetId="4">'一般）行政コスト計算書'!$A$1:$K$63</definedName>
    <definedName name="_xlnm.Print_Area" localSheetId="10">'一般）出資金明細'!$A$1:$R$123</definedName>
    <definedName name="_xlnm.Print_Area" localSheetId="5">'一般）純資産変動計算書'!$A$1:$N$57</definedName>
    <definedName name="_xlnm.Print_Area" localSheetId="3">'一般）貸借対照表'!$A$1:$T$64</definedName>
    <definedName name="_xlnm.Print_Area" localSheetId="11">'一般）貸付金明細'!$A$1:$M$43</definedName>
    <definedName name="_xlnm.Print_Area" localSheetId="7">'一般）注記  '!$A$1:$F$62</definedName>
    <definedName name="_xlnm.Print_Area" localSheetId="8">'一般）有形固定資産等明細表'!$A$1:$P$45</definedName>
    <definedName name="_xlnm.Print_Area" localSheetId="59">'介護）キャッシュフロー計算書'!$A$1:$S$63</definedName>
    <definedName name="_xlnm.Print_Area" localSheetId="63">'介護）引当金明細表'!$A$1:$O$20,'介護）引当金明細表'!$A$23:$J$27</definedName>
    <definedName name="_xlnm.Print_Area" localSheetId="62">'介護）基金明細 '!$A$1:$O$12</definedName>
    <definedName name="_xlnm.Print_Area" localSheetId="57">'介護）行政コスト計算書'!$A$1:$K$63</definedName>
    <definedName name="_xlnm.Print_Area" localSheetId="58">'介護）純資産変動計算書'!$A$1:$N$57</definedName>
    <definedName name="_xlnm.Print_Area" localSheetId="56">'介護）貸借対照表'!$A$1:$T$64</definedName>
    <definedName name="_xlnm.Print_Area" localSheetId="60">'介護）注記'!$A$1:$F$64</definedName>
    <definedName name="_xlnm.Print_Area" localSheetId="61">'介護）有形固定資産等明細表'!$A$1:$P$45</definedName>
    <definedName name="_xlnm.Print_Area" localSheetId="0">'会計別）表紙'!$A$1:$I$109</definedName>
    <definedName name="_xlnm.Print_Area" localSheetId="68">'後期）キャッシュフロー計算書'!$A$1:$S$63</definedName>
    <definedName name="_xlnm.Print_Area" localSheetId="71">'後期）引当金明細表'!$A$1:$O$20,'後期）引当金明細表'!$A$23:$J$27</definedName>
    <definedName name="_xlnm.Print_Area" localSheetId="66">'後期）行政コスト計算書'!$A$1:$K$63</definedName>
    <definedName name="_xlnm.Print_Area" localSheetId="67">'後期）純資産変動計算書'!$A$1:$N$57</definedName>
    <definedName name="_xlnm.Print_Area" localSheetId="65">'後期）貸借対照表'!$A$1:$T$64</definedName>
    <definedName name="_xlnm.Print_Area" localSheetId="69">'後期）注記'!$A$1:$F$65</definedName>
    <definedName name="_xlnm.Print_Area" localSheetId="70">'後期）有形固定資産等明細表'!$A$1:$P$45</definedName>
    <definedName name="_xlnm.Print_Area" localSheetId="76">'公債費）キャッシュフロー計算書'!$A$1:$S$63</definedName>
    <definedName name="_xlnm.Print_Area" localSheetId="80">'公債費）引当金明細表'!$A$1:$O$20</definedName>
    <definedName name="_xlnm.Print_Area" localSheetId="79">'公債費）基金明細'!$A$1:$O$11</definedName>
    <definedName name="_xlnm.Print_Area" localSheetId="74">'公債費）行政コスト計算書'!$A$1:$K$63</definedName>
    <definedName name="_xlnm.Print_Area" localSheetId="75">'公債費）純資産変動計算書'!$A$1:$N$57</definedName>
    <definedName name="_xlnm.Print_Area" localSheetId="73">'公債費）貸借対照表'!$A$1:$T$64</definedName>
    <definedName name="_xlnm.Print_Area" localSheetId="77">'公債費）注記'!$A$1:$F$62</definedName>
    <definedName name="_xlnm.Print_Area" localSheetId="78">'公債費）有形固定資産等明細表'!$A$1:$P$45</definedName>
    <definedName name="_xlnm.Print_Area" localSheetId="42">'国保）キャッシュフロー計算書'!$A$1:$S$63</definedName>
    <definedName name="_xlnm.Print_Area" localSheetId="46">'国保）引当金明細表'!$A$1:$O$20,'国保）引当金明細表'!$A$22:$J$27</definedName>
    <definedName name="_xlnm.Print_Area" localSheetId="45">'国保）基金明細'!$A$1:$O$12</definedName>
    <definedName name="_xlnm.Print_Area" localSheetId="40">'国保）行政コスト計算書'!$A$1:$K$63</definedName>
    <definedName name="_xlnm.Print_Area" localSheetId="41">'国保）純資産変動計算書'!$A$1:$N$57</definedName>
    <definedName name="_xlnm.Print_Area" localSheetId="39">'国保）貸借対照表'!$A$1:$T$64</definedName>
    <definedName name="_xlnm.Print_Area" localSheetId="43">'国保）注記'!$A$1:$F$66</definedName>
    <definedName name="_xlnm.Print_Area" localSheetId="44">'国保）有形固定資産等明細表'!$A$1:$P$45</definedName>
    <definedName name="_xlnm.Print_Area" localSheetId="17">'食肉）キャッシュフロー計算書'!$A$1:$S$63</definedName>
    <definedName name="_xlnm.Print_Area" localSheetId="21">'食肉）引当金明細表'!$A$1:$O$20,'食肉）引当金明細表'!$A$22:$J$27</definedName>
    <definedName name="_xlnm.Print_Area" localSheetId="15">'食肉）行政コスト計算書'!$A$1:$K$63</definedName>
    <definedName name="_xlnm.Print_Area" localSheetId="16">'食肉）純資産変動計算書'!$A$1:$N$57</definedName>
    <definedName name="_xlnm.Print_Area" localSheetId="14">'食肉）貸借対照表'!$A$1:$T$64</definedName>
    <definedName name="_xlnm.Print_Area" localSheetId="20">'食肉）貸付金明細'!$A$1:$M$12</definedName>
    <definedName name="_xlnm.Print_Area" localSheetId="18">'食肉）注記'!$A$1:$F$62</definedName>
    <definedName name="_xlnm.Print_Area" localSheetId="19">'食肉）有形固定資産等明細表'!$A$1:$P$45</definedName>
    <definedName name="_xlnm.Print_Area" localSheetId="51">'心身）キャッシュフロー計算書'!$A$1:$S$63</definedName>
    <definedName name="_xlnm.Print_Area" localSheetId="54">'心身）引当金明細表'!$A$1:$O$20,'心身）引当金明細表'!$A$23:$J$27</definedName>
    <definedName name="_xlnm.Print_Area" localSheetId="53">'心身）基金明細 '!$A$1:$O$19</definedName>
    <definedName name="_xlnm.Print_Area" localSheetId="49">'心身）行政コスト計算書'!$A$1:$K$63</definedName>
    <definedName name="_xlnm.Print_Area" localSheetId="50">'心身）純資産変動計算書'!$A$1:$N$57</definedName>
    <definedName name="_xlnm.Print_Area" localSheetId="48">'心身）貸借対照表'!$A$1:$T$64</definedName>
    <definedName name="_xlnm.Print_Area" localSheetId="52">'心身）注記'!$A$1:$F$62</definedName>
    <definedName name="_xlnm.Print_Area" localSheetId="26">'駐車場）キャッシュフロー計算書'!$A$1:$S$63</definedName>
    <definedName name="_xlnm.Print_Area" localSheetId="29">'駐車場）引当金明細表'!$A$1:$O$20,'駐車場）引当金明細表'!$A$22:$J$28</definedName>
    <definedName name="_xlnm.Print_Area" localSheetId="24">'駐車場）行政コスト計算書'!$A$1:$K$63</definedName>
    <definedName name="_xlnm.Print_Area" localSheetId="25">'駐車場）純資産変動計算書'!$A$1:$N$57</definedName>
    <definedName name="_xlnm.Print_Area" localSheetId="23">'駐車場）貸借対照表'!$A$1:$T$64</definedName>
    <definedName name="_xlnm.Print_Area" localSheetId="27">'駐車場）注記'!$A$1:$F$62</definedName>
    <definedName name="_xlnm.Print_Area" localSheetId="28">'駐車場）有形固定資産等明細表'!$A$1:$P$45</definedName>
    <definedName name="_xlnm.Print_Area" localSheetId="34">'母子）キャッシュフロー計算書'!$A$1:$S$63</definedName>
    <definedName name="_xlnm.Print_Area" localSheetId="37">'母子）引当金明細表'!$A$1:$O$20,'母子）引当金明細表'!$A$24:$J$29</definedName>
    <definedName name="_xlnm.Print_Area" localSheetId="32">'母子）行政コスト計算書'!$A$1:$K$63</definedName>
    <definedName name="_xlnm.Print_Area" localSheetId="33">'母子）純資産変動計算書'!$A$1:$N$57</definedName>
    <definedName name="_xlnm.Print_Area" localSheetId="31">'母子）貸借対照表'!$A$1:$T$64</definedName>
    <definedName name="_xlnm.Print_Area" localSheetId="36">'母子）貸付金明細'!$A$1:$M$22</definedName>
    <definedName name="_xlnm.Print_Area" localSheetId="35">'母子）注記'!$A$1:$F$62</definedName>
    <definedName name="_xlnm.Print_Titles" localSheetId="62">'介護）基金明細 '!$3:$9</definedName>
    <definedName name="_xlnm.Print_Titles" localSheetId="79">'公債費）基金明細'!$3:$9</definedName>
    <definedName name="_xlnm.Print_Titles" localSheetId="45">'国保）基金明細'!$3:$9</definedName>
    <definedName name="UI変更有無" localSheetId="10">#REF!</definedName>
    <definedName name="UI変更有無" localSheetId="63">#REF!</definedName>
    <definedName name="UI変更有無" localSheetId="62">#REF!</definedName>
    <definedName name="UI変更有無" localSheetId="60">#REF!</definedName>
    <definedName name="UI変更有無" localSheetId="55">#REF!</definedName>
    <definedName name="UI変更有無" localSheetId="61">#REF!</definedName>
    <definedName name="UI変更有無" localSheetId="71">#REF!</definedName>
    <definedName name="UI変更有無" localSheetId="69">#REF!</definedName>
    <definedName name="UI変更有無" localSheetId="64">#REF!</definedName>
    <definedName name="UI変更有無" localSheetId="70">#REF!</definedName>
    <definedName name="UI変更有無" localSheetId="80">#REF!</definedName>
    <definedName name="UI変更有無" localSheetId="79">#REF!</definedName>
    <definedName name="UI変更有無" localSheetId="77">#REF!</definedName>
    <definedName name="UI変更有無" localSheetId="72">#REF!</definedName>
    <definedName name="UI変更有無" localSheetId="78">#REF!</definedName>
    <definedName name="UI変更有無" localSheetId="46">#REF!</definedName>
    <definedName name="UI変更有無" localSheetId="45">#REF!</definedName>
    <definedName name="UI変更有無" localSheetId="43">#REF!</definedName>
    <definedName name="UI変更有無" localSheetId="38">#REF!</definedName>
    <definedName name="UI変更有無" localSheetId="44">#REF!</definedName>
    <definedName name="UI変更有無" localSheetId="21">#REF!</definedName>
    <definedName name="UI変更有無" localSheetId="20">#REF!</definedName>
    <definedName name="UI変更有無" localSheetId="18">#REF!</definedName>
    <definedName name="UI変更有無" localSheetId="13">#REF!</definedName>
    <definedName name="UI変更有無" localSheetId="19">#REF!</definedName>
    <definedName name="UI変更有無" localSheetId="54">#REF!</definedName>
    <definedName name="UI変更有無" localSheetId="53">#REF!</definedName>
    <definedName name="UI変更有無" localSheetId="52">#REF!</definedName>
    <definedName name="UI変更有無" localSheetId="47">#REF!</definedName>
    <definedName name="UI変更有無" localSheetId="29">#REF!</definedName>
    <definedName name="UI変更有無" localSheetId="27">#REF!</definedName>
    <definedName name="UI変更有無" localSheetId="22">#REF!</definedName>
    <definedName name="UI変更有無" localSheetId="28">#REF!</definedName>
    <definedName name="UI変更有無" localSheetId="37">#REF!</definedName>
    <definedName name="UI変更有無" localSheetId="36">#REF!</definedName>
    <definedName name="UI変更有無" localSheetId="35">#REF!</definedName>
    <definedName name="UI変更有無" localSheetId="30">#REF!</definedName>
    <definedName name="UI変更有無">#REF!</definedName>
    <definedName name="エスカレーション担当者" localSheetId="10">#REF!</definedName>
    <definedName name="エスカレーション担当者" localSheetId="63">#REF!</definedName>
    <definedName name="エスカレーション担当者" localSheetId="62">#REF!</definedName>
    <definedName name="エスカレーション担当者" localSheetId="60">#REF!</definedName>
    <definedName name="エスカレーション担当者" localSheetId="55">#REF!</definedName>
    <definedName name="エスカレーション担当者" localSheetId="61">#REF!</definedName>
    <definedName name="エスカレーション担当者" localSheetId="71">#REF!</definedName>
    <definedName name="エスカレーション担当者" localSheetId="69">#REF!</definedName>
    <definedName name="エスカレーション担当者" localSheetId="64">#REF!</definedName>
    <definedName name="エスカレーション担当者" localSheetId="70">#REF!</definedName>
    <definedName name="エスカレーション担当者" localSheetId="80">#REF!</definedName>
    <definedName name="エスカレーション担当者" localSheetId="79">#REF!</definedName>
    <definedName name="エスカレーション担当者" localSheetId="77">#REF!</definedName>
    <definedName name="エスカレーション担当者" localSheetId="72">#REF!</definedName>
    <definedName name="エスカレーション担当者" localSheetId="78">#REF!</definedName>
    <definedName name="エスカレーション担当者" localSheetId="46">#REF!</definedName>
    <definedName name="エスカレーション担当者" localSheetId="45">#REF!</definedName>
    <definedName name="エスカレーション担当者" localSheetId="43">#REF!</definedName>
    <definedName name="エスカレーション担当者" localSheetId="38">#REF!</definedName>
    <definedName name="エスカレーション担当者" localSheetId="44">#REF!</definedName>
    <definedName name="エスカレーション担当者" localSheetId="21">#REF!</definedName>
    <definedName name="エスカレーション担当者" localSheetId="20">#REF!</definedName>
    <definedName name="エスカレーション担当者" localSheetId="18">#REF!</definedName>
    <definedName name="エスカレーション担当者" localSheetId="13">#REF!</definedName>
    <definedName name="エスカレーション担当者" localSheetId="19">#REF!</definedName>
    <definedName name="エスカレーション担当者" localSheetId="54">#REF!</definedName>
    <definedName name="エスカレーション担当者" localSheetId="53">#REF!</definedName>
    <definedName name="エスカレーション担当者" localSheetId="52">#REF!</definedName>
    <definedName name="エスカレーション担当者" localSheetId="47">#REF!</definedName>
    <definedName name="エスカレーション担当者" localSheetId="29">#REF!</definedName>
    <definedName name="エスカレーション担当者" localSheetId="27">#REF!</definedName>
    <definedName name="エスカレーション担当者" localSheetId="22">#REF!</definedName>
    <definedName name="エスカレーション担当者" localSheetId="28">#REF!</definedName>
    <definedName name="エスカレーション担当者" localSheetId="37">#REF!</definedName>
    <definedName name="エスカレーション担当者" localSheetId="36">#REF!</definedName>
    <definedName name="エスカレーション担当者" localSheetId="35">#REF!</definedName>
    <definedName name="エスカレーション担当者" localSheetId="30">#REF!</definedName>
    <definedName name="エスカレーション担当者">#REF!</definedName>
    <definedName name="エスカレーション日時" localSheetId="10">#REF!</definedName>
    <definedName name="エスカレーション日時" localSheetId="63">#REF!</definedName>
    <definedName name="エスカレーション日時" localSheetId="62">#REF!</definedName>
    <definedName name="エスカレーション日時" localSheetId="60">#REF!</definedName>
    <definedName name="エスカレーション日時" localSheetId="55">#REF!</definedName>
    <definedName name="エスカレーション日時" localSheetId="61">#REF!</definedName>
    <definedName name="エスカレーション日時" localSheetId="71">#REF!</definedName>
    <definedName name="エスカレーション日時" localSheetId="69">#REF!</definedName>
    <definedName name="エスカレーション日時" localSheetId="64">#REF!</definedName>
    <definedName name="エスカレーション日時" localSheetId="70">#REF!</definedName>
    <definedName name="エスカレーション日時" localSheetId="80">#REF!</definedName>
    <definedName name="エスカレーション日時" localSheetId="79">#REF!</definedName>
    <definedName name="エスカレーション日時" localSheetId="77">#REF!</definedName>
    <definedName name="エスカレーション日時" localSheetId="72">#REF!</definedName>
    <definedName name="エスカレーション日時" localSheetId="78">#REF!</definedName>
    <definedName name="エスカレーション日時" localSheetId="46">#REF!</definedName>
    <definedName name="エスカレーション日時" localSheetId="45">#REF!</definedName>
    <definedName name="エスカレーション日時" localSheetId="43">#REF!</definedName>
    <definedName name="エスカレーション日時" localSheetId="38">#REF!</definedName>
    <definedName name="エスカレーション日時" localSheetId="44">#REF!</definedName>
    <definedName name="エスカレーション日時" localSheetId="21">#REF!</definedName>
    <definedName name="エスカレーション日時" localSheetId="20">#REF!</definedName>
    <definedName name="エスカレーション日時" localSheetId="18">#REF!</definedName>
    <definedName name="エスカレーション日時" localSheetId="13">#REF!</definedName>
    <definedName name="エスカレーション日時" localSheetId="19">#REF!</definedName>
    <definedName name="エスカレーション日時" localSheetId="54">#REF!</definedName>
    <definedName name="エスカレーション日時" localSheetId="53">#REF!</definedName>
    <definedName name="エスカレーション日時" localSheetId="52">#REF!</definedName>
    <definedName name="エスカレーション日時" localSheetId="47">#REF!</definedName>
    <definedName name="エスカレーション日時" localSheetId="29">#REF!</definedName>
    <definedName name="エスカレーション日時" localSheetId="27">#REF!</definedName>
    <definedName name="エスカレーション日時" localSheetId="22">#REF!</definedName>
    <definedName name="エスカレーション日時" localSheetId="28">#REF!</definedName>
    <definedName name="エスカレーション日時" localSheetId="37">#REF!</definedName>
    <definedName name="エスカレーション日時" localSheetId="36">#REF!</definedName>
    <definedName name="エスカレーション日時" localSheetId="35">#REF!</definedName>
    <definedName name="エスカレーション日時" localSheetId="30">#REF!</definedName>
    <definedName name="エスカレーション日時">#REF!</definedName>
    <definedName name="オンライン障害" localSheetId="10">#REF!</definedName>
    <definedName name="オンライン障害" localSheetId="63">#REF!</definedName>
    <definedName name="オンライン障害" localSheetId="62">#REF!</definedName>
    <definedName name="オンライン障害" localSheetId="60">#REF!</definedName>
    <definedName name="オンライン障害" localSheetId="55">#REF!</definedName>
    <definedName name="オンライン障害" localSheetId="61">#REF!</definedName>
    <definedName name="オンライン障害" localSheetId="71">#REF!</definedName>
    <definedName name="オンライン障害" localSheetId="69">#REF!</definedName>
    <definedName name="オンライン障害" localSheetId="64">#REF!</definedName>
    <definedName name="オンライン障害" localSheetId="70">#REF!</definedName>
    <definedName name="オンライン障害" localSheetId="80">#REF!</definedName>
    <definedName name="オンライン障害" localSheetId="79">#REF!</definedName>
    <definedName name="オンライン障害" localSheetId="77">#REF!</definedName>
    <definedName name="オンライン障害" localSheetId="72">#REF!</definedName>
    <definedName name="オンライン障害" localSheetId="78">#REF!</definedName>
    <definedName name="オンライン障害" localSheetId="46">#REF!</definedName>
    <definedName name="オンライン障害" localSheetId="45">#REF!</definedName>
    <definedName name="オンライン障害" localSheetId="43">#REF!</definedName>
    <definedName name="オンライン障害" localSheetId="38">#REF!</definedName>
    <definedName name="オンライン障害" localSheetId="44">#REF!</definedName>
    <definedName name="オンライン障害" localSheetId="21">#REF!</definedName>
    <definedName name="オンライン障害" localSheetId="20">#REF!</definedName>
    <definedName name="オンライン障害" localSheetId="18">#REF!</definedName>
    <definedName name="オンライン障害" localSheetId="13">#REF!</definedName>
    <definedName name="オンライン障害" localSheetId="19">#REF!</definedName>
    <definedName name="オンライン障害" localSheetId="54">#REF!</definedName>
    <definedName name="オンライン障害" localSheetId="53">#REF!</definedName>
    <definedName name="オンライン障害" localSheetId="52">#REF!</definedName>
    <definedName name="オンライン障害" localSheetId="47">#REF!</definedName>
    <definedName name="オンライン障害" localSheetId="29">#REF!</definedName>
    <definedName name="オンライン障害" localSheetId="27">#REF!</definedName>
    <definedName name="オンライン障害" localSheetId="22">#REF!</definedName>
    <definedName name="オンライン障害" localSheetId="28">#REF!</definedName>
    <definedName name="オンライン障害" localSheetId="37">#REF!</definedName>
    <definedName name="オンライン障害" localSheetId="36">#REF!</definedName>
    <definedName name="オンライン障害" localSheetId="35">#REF!</definedName>
    <definedName name="オンライン障害" localSheetId="30">#REF!</definedName>
    <definedName name="オンライン障害">#REF!</definedName>
    <definedName name="カテゴリ１" localSheetId="10">#REF!</definedName>
    <definedName name="カテゴリ１" localSheetId="63">#REF!</definedName>
    <definedName name="カテゴリ１" localSheetId="62">#REF!</definedName>
    <definedName name="カテゴリ１" localSheetId="60">#REF!</definedName>
    <definedName name="カテゴリ１" localSheetId="55">#REF!</definedName>
    <definedName name="カテゴリ１" localSheetId="61">#REF!</definedName>
    <definedName name="カテゴリ１" localSheetId="71">#REF!</definedName>
    <definedName name="カテゴリ１" localSheetId="69">#REF!</definedName>
    <definedName name="カテゴリ１" localSheetId="64">#REF!</definedName>
    <definedName name="カテゴリ１" localSheetId="70">#REF!</definedName>
    <definedName name="カテゴリ１" localSheetId="80">#REF!</definedName>
    <definedName name="カテゴリ１" localSheetId="79">#REF!</definedName>
    <definedName name="カテゴリ１" localSheetId="77">#REF!</definedName>
    <definedName name="カテゴリ１" localSheetId="72">#REF!</definedName>
    <definedName name="カテゴリ１" localSheetId="78">#REF!</definedName>
    <definedName name="カテゴリ１" localSheetId="46">#REF!</definedName>
    <definedName name="カテゴリ１" localSheetId="45">#REF!</definedName>
    <definedName name="カテゴリ１" localSheetId="43">#REF!</definedName>
    <definedName name="カテゴリ１" localSheetId="38">#REF!</definedName>
    <definedName name="カテゴリ１" localSheetId="44">#REF!</definedName>
    <definedName name="カテゴリ１" localSheetId="21">#REF!</definedName>
    <definedName name="カテゴリ１" localSheetId="20">#REF!</definedName>
    <definedName name="カテゴリ１" localSheetId="18">#REF!</definedName>
    <definedName name="カテゴリ１" localSheetId="13">#REF!</definedName>
    <definedName name="カテゴリ１" localSheetId="19">#REF!</definedName>
    <definedName name="カテゴリ１" localSheetId="54">#REF!</definedName>
    <definedName name="カテゴリ１" localSheetId="53">#REF!</definedName>
    <definedName name="カテゴリ１" localSheetId="52">#REF!</definedName>
    <definedName name="カテゴリ１" localSheetId="47">#REF!</definedName>
    <definedName name="カテゴリ１" localSheetId="29">#REF!</definedName>
    <definedName name="カテゴリ１" localSheetId="27">#REF!</definedName>
    <definedName name="カテゴリ１" localSheetId="22">#REF!</definedName>
    <definedName name="カテゴリ１" localSheetId="28">#REF!</definedName>
    <definedName name="カテゴリ１" localSheetId="37">#REF!</definedName>
    <definedName name="カテゴリ１" localSheetId="36">#REF!</definedName>
    <definedName name="カテゴリ１" localSheetId="35">#REF!</definedName>
    <definedName name="カテゴリ１" localSheetId="30">#REF!</definedName>
    <definedName name="カテゴリ１">#REF!</definedName>
    <definedName name="カテゴリ２" localSheetId="10">#REF!</definedName>
    <definedName name="カテゴリ２" localSheetId="63">#REF!</definedName>
    <definedName name="カテゴリ２" localSheetId="62">#REF!</definedName>
    <definedName name="カテゴリ２" localSheetId="60">#REF!</definedName>
    <definedName name="カテゴリ２" localSheetId="55">#REF!</definedName>
    <definedName name="カテゴリ２" localSheetId="61">#REF!</definedName>
    <definedName name="カテゴリ２" localSheetId="71">#REF!</definedName>
    <definedName name="カテゴリ２" localSheetId="69">#REF!</definedName>
    <definedName name="カテゴリ２" localSheetId="64">#REF!</definedName>
    <definedName name="カテゴリ２" localSheetId="70">#REF!</definedName>
    <definedName name="カテゴリ２" localSheetId="80">#REF!</definedName>
    <definedName name="カテゴリ２" localSheetId="79">#REF!</definedName>
    <definedName name="カテゴリ２" localSheetId="77">#REF!</definedName>
    <definedName name="カテゴリ２" localSheetId="72">#REF!</definedName>
    <definedName name="カテゴリ２" localSheetId="78">#REF!</definedName>
    <definedName name="カテゴリ２" localSheetId="46">#REF!</definedName>
    <definedName name="カテゴリ２" localSheetId="45">#REF!</definedName>
    <definedName name="カテゴリ２" localSheetId="43">#REF!</definedName>
    <definedName name="カテゴリ２" localSheetId="38">#REF!</definedName>
    <definedName name="カテゴリ２" localSheetId="44">#REF!</definedName>
    <definedName name="カテゴリ２" localSheetId="21">#REF!</definedName>
    <definedName name="カテゴリ２" localSheetId="20">#REF!</definedName>
    <definedName name="カテゴリ２" localSheetId="18">#REF!</definedName>
    <definedName name="カテゴリ２" localSheetId="13">#REF!</definedName>
    <definedName name="カテゴリ２" localSheetId="19">#REF!</definedName>
    <definedName name="カテゴリ２" localSheetId="54">#REF!</definedName>
    <definedName name="カテゴリ２" localSheetId="53">#REF!</definedName>
    <definedName name="カテゴリ２" localSheetId="52">#REF!</definedName>
    <definedName name="カテゴリ２" localSheetId="47">#REF!</definedName>
    <definedName name="カテゴリ２" localSheetId="29">#REF!</definedName>
    <definedName name="カテゴリ２" localSheetId="27">#REF!</definedName>
    <definedName name="カテゴリ２" localSheetId="22">#REF!</definedName>
    <definedName name="カテゴリ２" localSheetId="28">#REF!</definedName>
    <definedName name="カテゴリ２" localSheetId="37">#REF!</definedName>
    <definedName name="カテゴリ２" localSheetId="36">#REF!</definedName>
    <definedName name="カテゴリ２" localSheetId="35">#REF!</definedName>
    <definedName name="カテゴリ２" localSheetId="30">#REF!</definedName>
    <definedName name="カテゴリ２">#REF!</definedName>
    <definedName name="カテゴリ３" localSheetId="10">#REF!</definedName>
    <definedName name="カテゴリ３" localSheetId="63">#REF!</definedName>
    <definedName name="カテゴリ３" localSheetId="62">#REF!</definedName>
    <definedName name="カテゴリ３" localSheetId="60">#REF!</definedName>
    <definedName name="カテゴリ３" localSheetId="55">#REF!</definedName>
    <definedName name="カテゴリ３" localSheetId="61">#REF!</definedName>
    <definedName name="カテゴリ３" localSheetId="71">#REF!</definedName>
    <definedName name="カテゴリ３" localSheetId="69">#REF!</definedName>
    <definedName name="カテゴリ３" localSheetId="64">#REF!</definedName>
    <definedName name="カテゴリ３" localSheetId="70">#REF!</definedName>
    <definedName name="カテゴリ３" localSheetId="80">#REF!</definedName>
    <definedName name="カテゴリ３" localSheetId="79">#REF!</definedName>
    <definedName name="カテゴリ３" localSheetId="77">#REF!</definedName>
    <definedName name="カテゴリ３" localSheetId="72">#REF!</definedName>
    <definedName name="カテゴリ３" localSheetId="78">#REF!</definedName>
    <definedName name="カテゴリ３" localSheetId="46">#REF!</definedName>
    <definedName name="カテゴリ３" localSheetId="45">#REF!</definedName>
    <definedName name="カテゴリ３" localSheetId="43">#REF!</definedName>
    <definedName name="カテゴリ３" localSheetId="38">#REF!</definedName>
    <definedName name="カテゴリ３" localSheetId="44">#REF!</definedName>
    <definedName name="カテゴリ３" localSheetId="21">#REF!</definedName>
    <definedName name="カテゴリ３" localSheetId="20">#REF!</definedName>
    <definedName name="カテゴリ３" localSheetId="18">#REF!</definedName>
    <definedName name="カテゴリ３" localSheetId="13">#REF!</definedName>
    <definedName name="カテゴリ３" localSheetId="19">#REF!</definedName>
    <definedName name="カテゴリ３" localSheetId="54">#REF!</definedName>
    <definedName name="カテゴリ３" localSheetId="53">#REF!</definedName>
    <definedName name="カテゴリ３" localSheetId="52">#REF!</definedName>
    <definedName name="カテゴリ３" localSheetId="47">#REF!</definedName>
    <definedName name="カテゴリ３" localSheetId="29">#REF!</definedName>
    <definedName name="カテゴリ３" localSheetId="27">#REF!</definedName>
    <definedName name="カテゴリ３" localSheetId="22">#REF!</definedName>
    <definedName name="カテゴリ３" localSheetId="28">#REF!</definedName>
    <definedName name="カテゴリ３" localSheetId="37">#REF!</definedName>
    <definedName name="カテゴリ３" localSheetId="36">#REF!</definedName>
    <definedName name="カテゴリ３" localSheetId="35">#REF!</definedName>
    <definedName name="カテゴリ３" localSheetId="30">#REF!</definedName>
    <definedName name="カテゴリ３">#REF!</definedName>
    <definedName name="グループ" localSheetId="10">#REF!</definedName>
    <definedName name="グループ" localSheetId="63">#REF!</definedName>
    <definedName name="グループ" localSheetId="62">#REF!</definedName>
    <definedName name="グループ" localSheetId="60">#REF!</definedName>
    <definedName name="グループ" localSheetId="55">#REF!</definedName>
    <definedName name="グループ" localSheetId="61">#REF!</definedName>
    <definedName name="グループ" localSheetId="71">#REF!</definedName>
    <definedName name="グループ" localSheetId="69">#REF!</definedName>
    <definedName name="グループ" localSheetId="64">#REF!</definedName>
    <definedName name="グループ" localSheetId="70">#REF!</definedName>
    <definedName name="グループ" localSheetId="80">#REF!</definedName>
    <definedName name="グループ" localSheetId="79">#REF!</definedName>
    <definedName name="グループ" localSheetId="77">#REF!</definedName>
    <definedName name="グループ" localSheetId="72">#REF!</definedName>
    <definedName name="グループ" localSheetId="78">#REF!</definedName>
    <definedName name="グループ" localSheetId="46">#REF!</definedName>
    <definedName name="グループ" localSheetId="45">#REF!</definedName>
    <definedName name="グループ" localSheetId="43">#REF!</definedName>
    <definedName name="グループ" localSheetId="38">#REF!</definedName>
    <definedName name="グループ" localSheetId="44">#REF!</definedName>
    <definedName name="グループ" localSheetId="21">#REF!</definedName>
    <definedName name="グループ" localSheetId="20">#REF!</definedName>
    <definedName name="グループ" localSheetId="18">#REF!</definedName>
    <definedName name="グループ" localSheetId="13">#REF!</definedName>
    <definedName name="グループ" localSheetId="19">#REF!</definedName>
    <definedName name="グループ" localSheetId="54">#REF!</definedName>
    <definedName name="グループ" localSheetId="53">#REF!</definedName>
    <definedName name="グループ" localSheetId="52">#REF!</definedName>
    <definedName name="グループ" localSheetId="47">#REF!</definedName>
    <definedName name="グループ" localSheetId="29">#REF!</definedName>
    <definedName name="グループ" localSheetId="27">#REF!</definedName>
    <definedName name="グループ" localSheetId="22">#REF!</definedName>
    <definedName name="グループ" localSheetId="28">#REF!</definedName>
    <definedName name="グループ" localSheetId="37">#REF!</definedName>
    <definedName name="グループ" localSheetId="36">#REF!</definedName>
    <definedName name="グループ" localSheetId="35">#REF!</definedName>
    <definedName name="グループ" localSheetId="30">#REF!</definedName>
    <definedName name="グループ">#REF!</definedName>
    <definedName name="ご連絡先" localSheetId="10">#REF!</definedName>
    <definedName name="ご連絡先" localSheetId="63">#REF!</definedName>
    <definedName name="ご連絡先" localSheetId="62">#REF!</definedName>
    <definedName name="ご連絡先" localSheetId="60">#REF!</definedName>
    <definedName name="ご連絡先" localSheetId="55">#REF!</definedName>
    <definedName name="ご連絡先" localSheetId="61">#REF!</definedName>
    <definedName name="ご連絡先" localSheetId="71">#REF!</definedName>
    <definedName name="ご連絡先" localSheetId="69">#REF!</definedName>
    <definedName name="ご連絡先" localSheetId="64">#REF!</definedName>
    <definedName name="ご連絡先" localSheetId="70">#REF!</definedName>
    <definedName name="ご連絡先" localSheetId="80">#REF!</definedName>
    <definedName name="ご連絡先" localSheetId="79">#REF!</definedName>
    <definedName name="ご連絡先" localSheetId="77">#REF!</definedName>
    <definedName name="ご連絡先" localSheetId="72">#REF!</definedName>
    <definedName name="ご連絡先" localSheetId="78">#REF!</definedName>
    <definedName name="ご連絡先" localSheetId="46">#REF!</definedName>
    <definedName name="ご連絡先" localSheetId="45">#REF!</definedName>
    <definedName name="ご連絡先" localSheetId="43">#REF!</definedName>
    <definedName name="ご連絡先" localSheetId="38">#REF!</definedName>
    <definedName name="ご連絡先" localSheetId="44">#REF!</definedName>
    <definedName name="ご連絡先" localSheetId="21">#REF!</definedName>
    <definedName name="ご連絡先" localSheetId="20">#REF!</definedName>
    <definedName name="ご連絡先" localSheetId="18">#REF!</definedName>
    <definedName name="ご連絡先" localSheetId="13">#REF!</definedName>
    <definedName name="ご連絡先" localSheetId="19">#REF!</definedName>
    <definedName name="ご連絡先" localSheetId="54">#REF!</definedName>
    <definedName name="ご連絡先" localSheetId="53">#REF!</definedName>
    <definedName name="ご連絡先" localSheetId="52">#REF!</definedName>
    <definedName name="ご連絡先" localSheetId="47">#REF!</definedName>
    <definedName name="ご連絡先" localSheetId="29">#REF!</definedName>
    <definedName name="ご連絡先" localSheetId="27">#REF!</definedName>
    <definedName name="ご連絡先" localSheetId="22">#REF!</definedName>
    <definedName name="ご連絡先" localSheetId="28">#REF!</definedName>
    <definedName name="ご連絡先" localSheetId="37">#REF!</definedName>
    <definedName name="ご連絡先" localSheetId="36">#REF!</definedName>
    <definedName name="ご連絡先" localSheetId="35">#REF!</definedName>
    <definedName name="ご連絡先" localSheetId="30">#REF!</definedName>
    <definedName name="ご連絡先">#REF!</definedName>
    <definedName name="チェックフラグ" localSheetId="10">#REF!</definedName>
    <definedName name="チェックフラグ" localSheetId="63">#REF!</definedName>
    <definedName name="チェックフラグ" localSheetId="62">#REF!</definedName>
    <definedName name="チェックフラグ" localSheetId="60">#REF!</definedName>
    <definedName name="チェックフラグ" localSheetId="55">#REF!</definedName>
    <definedName name="チェックフラグ" localSheetId="61">#REF!</definedName>
    <definedName name="チェックフラグ" localSheetId="71">#REF!</definedName>
    <definedName name="チェックフラグ" localSheetId="69">#REF!</definedName>
    <definedName name="チェックフラグ" localSheetId="64">#REF!</definedName>
    <definedName name="チェックフラグ" localSheetId="70">#REF!</definedName>
    <definedName name="チェックフラグ" localSheetId="80">#REF!</definedName>
    <definedName name="チェックフラグ" localSheetId="79">#REF!</definedName>
    <definedName name="チェックフラグ" localSheetId="77">#REF!</definedName>
    <definedName name="チェックフラグ" localSheetId="72">#REF!</definedName>
    <definedName name="チェックフラグ" localSheetId="78">#REF!</definedName>
    <definedName name="チェックフラグ" localSheetId="46">#REF!</definedName>
    <definedName name="チェックフラグ" localSheetId="45">#REF!</definedName>
    <definedName name="チェックフラグ" localSheetId="43">#REF!</definedName>
    <definedName name="チェックフラグ" localSheetId="38">#REF!</definedName>
    <definedName name="チェックフラグ" localSheetId="44">#REF!</definedName>
    <definedName name="チェックフラグ" localSheetId="21">#REF!</definedName>
    <definedName name="チェックフラグ" localSheetId="20">#REF!</definedName>
    <definedName name="チェックフラグ" localSheetId="18">#REF!</definedName>
    <definedName name="チェックフラグ" localSheetId="13">#REF!</definedName>
    <definedName name="チェックフラグ" localSheetId="19">#REF!</definedName>
    <definedName name="チェックフラグ" localSheetId="54">#REF!</definedName>
    <definedName name="チェックフラグ" localSheetId="53">#REF!</definedName>
    <definedName name="チェックフラグ" localSheetId="52">#REF!</definedName>
    <definedName name="チェックフラグ" localSheetId="47">#REF!</definedName>
    <definedName name="チェックフラグ" localSheetId="29">#REF!</definedName>
    <definedName name="チェックフラグ" localSheetId="27">#REF!</definedName>
    <definedName name="チェックフラグ" localSheetId="22">#REF!</definedName>
    <definedName name="チェックフラグ" localSheetId="28">#REF!</definedName>
    <definedName name="チェックフラグ" localSheetId="37">#REF!</definedName>
    <definedName name="チェックフラグ" localSheetId="36">#REF!</definedName>
    <definedName name="チェックフラグ" localSheetId="35">#REF!</definedName>
    <definedName name="チェックフラグ" localSheetId="30">#REF!</definedName>
    <definedName name="チェックフラグ">#REF!</definedName>
    <definedName name="データパッチ" localSheetId="10">#REF!</definedName>
    <definedName name="データパッチ" localSheetId="63">#REF!</definedName>
    <definedName name="データパッチ" localSheetId="62">#REF!</definedName>
    <definedName name="データパッチ" localSheetId="60">#REF!</definedName>
    <definedName name="データパッチ" localSheetId="55">#REF!</definedName>
    <definedName name="データパッチ" localSheetId="61">#REF!</definedName>
    <definedName name="データパッチ" localSheetId="71">#REF!</definedName>
    <definedName name="データパッチ" localSheetId="69">#REF!</definedName>
    <definedName name="データパッチ" localSheetId="64">#REF!</definedName>
    <definedName name="データパッチ" localSheetId="70">#REF!</definedName>
    <definedName name="データパッチ" localSheetId="80">#REF!</definedName>
    <definedName name="データパッチ" localSheetId="79">#REF!</definedName>
    <definedName name="データパッチ" localSheetId="77">#REF!</definedName>
    <definedName name="データパッチ" localSheetId="72">#REF!</definedName>
    <definedName name="データパッチ" localSheetId="78">#REF!</definedName>
    <definedName name="データパッチ" localSheetId="46">#REF!</definedName>
    <definedName name="データパッチ" localSheetId="45">#REF!</definedName>
    <definedName name="データパッチ" localSheetId="43">#REF!</definedName>
    <definedName name="データパッチ" localSheetId="38">#REF!</definedName>
    <definedName name="データパッチ" localSheetId="44">#REF!</definedName>
    <definedName name="データパッチ" localSheetId="21">#REF!</definedName>
    <definedName name="データパッチ" localSheetId="20">#REF!</definedName>
    <definedName name="データパッチ" localSheetId="18">#REF!</definedName>
    <definedName name="データパッチ" localSheetId="13">#REF!</definedName>
    <definedName name="データパッチ" localSheetId="19">#REF!</definedName>
    <definedName name="データパッチ" localSheetId="54">#REF!</definedName>
    <definedName name="データパッチ" localSheetId="53">#REF!</definedName>
    <definedName name="データパッチ" localSheetId="52">#REF!</definedName>
    <definedName name="データパッチ" localSheetId="47">#REF!</definedName>
    <definedName name="データパッチ" localSheetId="29">#REF!</definedName>
    <definedName name="データパッチ" localSheetId="27">#REF!</definedName>
    <definedName name="データパッチ" localSheetId="22">#REF!</definedName>
    <definedName name="データパッチ" localSheetId="28">#REF!</definedName>
    <definedName name="データパッチ" localSheetId="37">#REF!</definedName>
    <definedName name="データパッチ" localSheetId="36">#REF!</definedName>
    <definedName name="データパッチ" localSheetId="35">#REF!</definedName>
    <definedName name="データパッチ" localSheetId="30">#REF!</definedName>
    <definedName name="データパッチ">#REF!</definedName>
    <definedName name="プログラム修正" localSheetId="10">#REF!</definedName>
    <definedName name="プログラム修正" localSheetId="63">#REF!</definedName>
    <definedName name="プログラム修正" localSheetId="62">#REF!</definedName>
    <definedName name="プログラム修正" localSheetId="60">#REF!</definedName>
    <definedName name="プログラム修正" localSheetId="55">#REF!</definedName>
    <definedName name="プログラム修正" localSheetId="61">#REF!</definedName>
    <definedName name="プログラム修正" localSheetId="71">#REF!</definedName>
    <definedName name="プログラム修正" localSheetId="69">#REF!</definedName>
    <definedName name="プログラム修正" localSheetId="64">#REF!</definedName>
    <definedName name="プログラム修正" localSheetId="70">#REF!</definedName>
    <definedName name="プログラム修正" localSheetId="80">#REF!</definedName>
    <definedName name="プログラム修正" localSheetId="79">#REF!</definedName>
    <definedName name="プログラム修正" localSheetId="77">#REF!</definedName>
    <definedName name="プログラム修正" localSheetId="72">#REF!</definedName>
    <definedName name="プログラム修正" localSheetId="78">#REF!</definedName>
    <definedName name="プログラム修正" localSheetId="46">#REF!</definedName>
    <definedName name="プログラム修正" localSheetId="45">#REF!</definedName>
    <definedName name="プログラム修正" localSheetId="43">#REF!</definedName>
    <definedName name="プログラム修正" localSheetId="38">#REF!</definedName>
    <definedName name="プログラム修正" localSheetId="44">#REF!</definedName>
    <definedName name="プログラム修正" localSheetId="21">#REF!</definedName>
    <definedName name="プログラム修正" localSheetId="20">#REF!</definedName>
    <definedName name="プログラム修正" localSheetId="18">#REF!</definedName>
    <definedName name="プログラム修正" localSheetId="13">#REF!</definedName>
    <definedName name="プログラム修正" localSheetId="19">#REF!</definedName>
    <definedName name="プログラム修正" localSheetId="54">#REF!</definedName>
    <definedName name="プログラム修正" localSheetId="53">#REF!</definedName>
    <definedName name="プログラム修正" localSheetId="52">#REF!</definedName>
    <definedName name="プログラム修正" localSheetId="47">#REF!</definedName>
    <definedName name="プログラム修正" localSheetId="29">#REF!</definedName>
    <definedName name="プログラム修正" localSheetId="27">#REF!</definedName>
    <definedName name="プログラム修正" localSheetId="22">#REF!</definedName>
    <definedName name="プログラム修正" localSheetId="28">#REF!</definedName>
    <definedName name="プログラム修正" localSheetId="37">#REF!</definedName>
    <definedName name="プログラム修正" localSheetId="36">#REF!</definedName>
    <definedName name="プログラム修正" localSheetId="35">#REF!</definedName>
    <definedName name="プログラム修正" localSheetId="30">#REF!</definedName>
    <definedName name="プログラム修正">#REF!</definedName>
    <definedName name="リリース日" localSheetId="10">#REF!</definedName>
    <definedName name="リリース日" localSheetId="63">#REF!</definedName>
    <definedName name="リリース日" localSheetId="62">#REF!</definedName>
    <definedName name="リリース日" localSheetId="60">#REF!</definedName>
    <definedName name="リリース日" localSheetId="55">#REF!</definedName>
    <definedName name="リリース日" localSheetId="61">#REF!</definedName>
    <definedName name="リリース日" localSheetId="71">#REF!</definedName>
    <definedName name="リリース日" localSheetId="69">#REF!</definedName>
    <definedName name="リリース日" localSheetId="64">#REF!</definedName>
    <definedName name="リリース日" localSheetId="70">#REF!</definedName>
    <definedName name="リリース日" localSheetId="80">#REF!</definedName>
    <definedName name="リリース日" localSheetId="79">#REF!</definedName>
    <definedName name="リリース日" localSheetId="77">#REF!</definedName>
    <definedName name="リリース日" localSheetId="72">#REF!</definedName>
    <definedName name="リリース日" localSheetId="78">#REF!</definedName>
    <definedName name="リリース日" localSheetId="46">#REF!</definedName>
    <definedName name="リリース日" localSheetId="45">#REF!</definedName>
    <definedName name="リリース日" localSheetId="43">#REF!</definedName>
    <definedName name="リリース日" localSheetId="38">#REF!</definedName>
    <definedName name="リリース日" localSheetId="44">#REF!</definedName>
    <definedName name="リリース日" localSheetId="21">#REF!</definedName>
    <definedName name="リリース日" localSheetId="20">#REF!</definedName>
    <definedName name="リリース日" localSheetId="18">#REF!</definedName>
    <definedName name="リリース日" localSheetId="13">#REF!</definedName>
    <definedName name="リリース日" localSheetId="19">#REF!</definedName>
    <definedName name="リリース日" localSheetId="54">#REF!</definedName>
    <definedName name="リリース日" localSheetId="53">#REF!</definedName>
    <definedName name="リリース日" localSheetId="52">#REF!</definedName>
    <definedName name="リリース日" localSheetId="47">#REF!</definedName>
    <definedName name="リリース日" localSheetId="29">#REF!</definedName>
    <definedName name="リリース日" localSheetId="27">#REF!</definedName>
    <definedName name="リリース日" localSheetId="22">#REF!</definedName>
    <definedName name="リリース日" localSheetId="28">#REF!</definedName>
    <definedName name="リリース日" localSheetId="37">#REF!</definedName>
    <definedName name="リリース日" localSheetId="36">#REF!</definedName>
    <definedName name="リリース日" localSheetId="35">#REF!</definedName>
    <definedName name="リリース日" localSheetId="30">#REF!</definedName>
    <definedName name="リリース日">#REF!</definedName>
    <definedName name="運用SE受領日時" localSheetId="10">#REF!</definedName>
    <definedName name="運用SE受領日時" localSheetId="63">#REF!</definedName>
    <definedName name="運用SE受領日時" localSheetId="62">#REF!</definedName>
    <definedName name="運用SE受領日時" localSheetId="60">#REF!</definedName>
    <definedName name="運用SE受領日時" localSheetId="55">#REF!</definedName>
    <definedName name="運用SE受領日時" localSheetId="61">#REF!</definedName>
    <definedName name="運用SE受領日時" localSheetId="71">#REF!</definedName>
    <definedName name="運用SE受領日時" localSheetId="69">#REF!</definedName>
    <definedName name="運用SE受領日時" localSheetId="64">#REF!</definedName>
    <definedName name="運用SE受領日時" localSheetId="70">#REF!</definedName>
    <definedName name="運用SE受領日時" localSheetId="80">#REF!</definedName>
    <definedName name="運用SE受領日時" localSheetId="79">#REF!</definedName>
    <definedName name="運用SE受領日時" localSheetId="77">#REF!</definedName>
    <definedName name="運用SE受領日時" localSheetId="72">#REF!</definedName>
    <definedName name="運用SE受領日時" localSheetId="78">#REF!</definedName>
    <definedName name="運用SE受領日時" localSheetId="46">#REF!</definedName>
    <definedName name="運用SE受領日時" localSheetId="45">#REF!</definedName>
    <definedName name="運用SE受領日時" localSheetId="43">#REF!</definedName>
    <definedName name="運用SE受領日時" localSheetId="38">#REF!</definedName>
    <definedName name="運用SE受領日時" localSheetId="44">#REF!</definedName>
    <definedName name="運用SE受領日時" localSheetId="21">#REF!</definedName>
    <definedName name="運用SE受領日時" localSheetId="20">#REF!</definedName>
    <definedName name="運用SE受領日時" localSheetId="18">#REF!</definedName>
    <definedName name="運用SE受領日時" localSheetId="13">#REF!</definedName>
    <definedName name="運用SE受領日時" localSheetId="19">#REF!</definedName>
    <definedName name="運用SE受領日時" localSheetId="54">#REF!</definedName>
    <definedName name="運用SE受領日時" localSheetId="53">#REF!</definedName>
    <definedName name="運用SE受領日時" localSheetId="52">#REF!</definedName>
    <definedName name="運用SE受領日時" localSheetId="47">#REF!</definedName>
    <definedName name="運用SE受領日時" localSheetId="29">#REF!</definedName>
    <definedName name="運用SE受領日時" localSheetId="27">#REF!</definedName>
    <definedName name="運用SE受領日時" localSheetId="22">#REF!</definedName>
    <definedName name="運用SE受領日時" localSheetId="28">#REF!</definedName>
    <definedName name="運用SE受領日時" localSheetId="37">#REF!</definedName>
    <definedName name="運用SE受領日時" localSheetId="36">#REF!</definedName>
    <definedName name="運用SE受領日時" localSheetId="35">#REF!</definedName>
    <definedName name="運用SE受領日時" localSheetId="30">#REF!</definedName>
    <definedName name="運用SE受領日時">#REF!</definedName>
    <definedName name="運用SE担当者" localSheetId="10">#REF!</definedName>
    <definedName name="運用SE担当者" localSheetId="63">#REF!</definedName>
    <definedName name="運用SE担当者" localSheetId="62">#REF!</definedName>
    <definedName name="運用SE担当者" localSheetId="60">#REF!</definedName>
    <definedName name="運用SE担当者" localSheetId="55">#REF!</definedName>
    <definedName name="運用SE担当者" localSheetId="61">#REF!</definedName>
    <definedName name="運用SE担当者" localSheetId="71">#REF!</definedName>
    <definedName name="運用SE担当者" localSheetId="69">#REF!</definedName>
    <definedName name="運用SE担当者" localSheetId="64">#REF!</definedName>
    <definedName name="運用SE担当者" localSheetId="70">#REF!</definedName>
    <definedName name="運用SE担当者" localSheetId="80">#REF!</definedName>
    <definedName name="運用SE担当者" localSheetId="79">#REF!</definedName>
    <definedName name="運用SE担当者" localSheetId="77">#REF!</definedName>
    <definedName name="運用SE担当者" localSheetId="72">#REF!</definedName>
    <definedName name="運用SE担当者" localSheetId="78">#REF!</definedName>
    <definedName name="運用SE担当者" localSheetId="46">#REF!</definedName>
    <definedName name="運用SE担当者" localSheetId="45">#REF!</definedName>
    <definedName name="運用SE担当者" localSheetId="43">#REF!</definedName>
    <definedName name="運用SE担当者" localSheetId="38">#REF!</definedName>
    <definedName name="運用SE担当者" localSheetId="44">#REF!</definedName>
    <definedName name="運用SE担当者" localSheetId="21">#REF!</definedName>
    <definedName name="運用SE担当者" localSheetId="20">#REF!</definedName>
    <definedName name="運用SE担当者" localSheetId="18">#REF!</definedName>
    <definedName name="運用SE担当者" localSheetId="13">#REF!</definedName>
    <definedName name="運用SE担当者" localSheetId="19">#REF!</definedName>
    <definedName name="運用SE担当者" localSheetId="54">#REF!</definedName>
    <definedName name="運用SE担当者" localSheetId="53">#REF!</definedName>
    <definedName name="運用SE担当者" localSheetId="52">#REF!</definedName>
    <definedName name="運用SE担当者" localSheetId="47">#REF!</definedName>
    <definedName name="運用SE担当者" localSheetId="29">#REF!</definedName>
    <definedName name="運用SE担当者" localSheetId="27">#REF!</definedName>
    <definedName name="運用SE担当者" localSheetId="22">#REF!</definedName>
    <definedName name="運用SE担当者" localSheetId="28">#REF!</definedName>
    <definedName name="運用SE担当者" localSheetId="37">#REF!</definedName>
    <definedName name="運用SE担当者" localSheetId="36">#REF!</definedName>
    <definedName name="運用SE担当者" localSheetId="35">#REF!</definedName>
    <definedName name="運用SE担当者" localSheetId="30">#REF!</definedName>
    <definedName name="運用SE担当者">#REF!</definedName>
    <definedName name="影響範囲" localSheetId="10">#REF!</definedName>
    <definedName name="影響範囲" localSheetId="63">#REF!</definedName>
    <definedName name="影響範囲" localSheetId="62">#REF!</definedName>
    <definedName name="影響範囲" localSheetId="60">#REF!</definedName>
    <definedName name="影響範囲" localSheetId="55">#REF!</definedName>
    <definedName name="影響範囲" localSheetId="61">#REF!</definedName>
    <definedName name="影響範囲" localSheetId="71">#REF!</definedName>
    <definedName name="影響範囲" localSheetId="69">#REF!</definedName>
    <definedName name="影響範囲" localSheetId="64">#REF!</definedName>
    <definedName name="影響範囲" localSheetId="70">#REF!</definedName>
    <definedName name="影響範囲" localSheetId="80">#REF!</definedName>
    <definedName name="影響範囲" localSheetId="79">#REF!</definedName>
    <definedName name="影響範囲" localSheetId="77">#REF!</definedName>
    <definedName name="影響範囲" localSheetId="72">#REF!</definedName>
    <definedName name="影響範囲" localSheetId="78">#REF!</definedName>
    <definedName name="影響範囲" localSheetId="46">#REF!</definedName>
    <definedName name="影響範囲" localSheetId="45">#REF!</definedName>
    <definedName name="影響範囲" localSheetId="43">#REF!</definedName>
    <definedName name="影響範囲" localSheetId="38">#REF!</definedName>
    <definedName name="影響範囲" localSheetId="44">#REF!</definedName>
    <definedName name="影響範囲" localSheetId="21">#REF!</definedName>
    <definedName name="影響範囲" localSheetId="20">#REF!</definedName>
    <definedName name="影響範囲" localSheetId="18">#REF!</definedName>
    <definedName name="影響範囲" localSheetId="13">#REF!</definedName>
    <definedName name="影響範囲" localSheetId="19">#REF!</definedName>
    <definedName name="影響範囲" localSheetId="54">#REF!</definedName>
    <definedName name="影響範囲" localSheetId="53">#REF!</definedName>
    <definedName name="影響範囲" localSheetId="52">#REF!</definedName>
    <definedName name="影響範囲" localSheetId="47">#REF!</definedName>
    <definedName name="影響範囲" localSheetId="29">#REF!</definedName>
    <definedName name="影響範囲" localSheetId="27">#REF!</definedName>
    <definedName name="影響範囲" localSheetId="22">#REF!</definedName>
    <definedName name="影響範囲" localSheetId="28">#REF!</definedName>
    <definedName name="影響範囲" localSheetId="37">#REF!</definedName>
    <definedName name="影響範囲" localSheetId="36">#REF!</definedName>
    <definedName name="影響範囲" localSheetId="35">#REF!</definedName>
    <definedName name="影響範囲" localSheetId="30">#REF!</definedName>
    <definedName name="影響範囲">#REF!</definedName>
    <definedName name="画面ID" localSheetId="10">#REF!</definedName>
    <definedName name="画面ID" localSheetId="63">#REF!</definedName>
    <definedName name="画面ID" localSheetId="62">#REF!</definedName>
    <definedName name="画面ID" localSheetId="60">#REF!</definedName>
    <definedName name="画面ID" localSheetId="55">#REF!</definedName>
    <definedName name="画面ID" localSheetId="61">#REF!</definedName>
    <definedName name="画面ID" localSheetId="71">#REF!</definedName>
    <definedName name="画面ID" localSheetId="69">#REF!</definedName>
    <definedName name="画面ID" localSheetId="64">#REF!</definedName>
    <definedName name="画面ID" localSheetId="70">#REF!</definedName>
    <definedName name="画面ID" localSheetId="80">#REF!</definedName>
    <definedName name="画面ID" localSheetId="79">#REF!</definedName>
    <definedName name="画面ID" localSheetId="77">#REF!</definedName>
    <definedName name="画面ID" localSheetId="72">#REF!</definedName>
    <definedName name="画面ID" localSheetId="78">#REF!</definedName>
    <definedName name="画面ID" localSheetId="46">#REF!</definedName>
    <definedName name="画面ID" localSheetId="45">#REF!</definedName>
    <definedName name="画面ID" localSheetId="43">#REF!</definedName>
    <definedName name="画面ID" localSheetId="38">#REF!</definedName>
    <definedName name="画面ID" localSheetId="44">#REF!</definedName>
    <definedName name="画面ID" localSheetId="21">#REF!</definedName>
    <definedName name="画面ID" localSheetId="20">#REF!</definedName>
    <definedName name="画面ID" localSheetId="18">#REF!</definedName>
    <definedName name="画面ID" localSheetId="13">#REF!</definedName>
    <definedName name="画面ID" localSheetId="19">#REF!</definedName>
    <definedName name="画面ID" localSheetId="54">#REF!</definedName>
    <definedName name="画面ID" localSheetId="53">#REF!</definedName>
    <definedName name="画面ID" localSheetId="52">#REF!</definedName>
    <definedName name="画面ID" localSheetId="47">#REF!</definedName>
    <definedName name="画面ID" localSheetId="29">#REF!</definedName>
    <definedName name="画面ID" localSheetId="27">#REF!</definedName>
    <definedName name="画面ID" localSheetId="22">#REF!</definedName>
    <definedName name="画面ID" localSheetId="28">#REF!</definedName>
    <definedName name="画面ID" localSheetId="37">#REF!</definedName>
    <definedName name="画面ID" localSheetId="36">#REF!</definedName>
    <definedName name="画面ID" localSheetId="35">#REF!</definedName>
    <definedName name="画面ID" localSheetId="30">#REF!</definedName>
    <definedName name="画面ID">#REF!</definedName>
    <definedName name="画面名" localSheetId="10">#REF!</definedName>
    <definedName name="画面名" localSheetId="63">#REF!</definedName>
    <definedName name="画面名" localSheetId="62">#REF!</definedName>
    <definedName name="画面名" localSheetId="60">#REF!</definedName>
    <definedName name="画面名" localSheetId="55">#REF!</definedName>
    <definedName name="画面名" localSheetId="61">#REF!</definedName>
    <definedName name="画面名" localSheetId="71">#REF!</definedName>
    <definedName name="画面名" localSheetId="69">#REF!</definedName>
    <definedName name="画面名" localSheetId="64">#REF!</definedName>
    <definedName name="画面名" localSheetId="70">#REF!</definedName>
    <definedName name="画面名" localSheetId="80">#REF!</definedName>
    <definedName name="画面名" localSheetId="79">#REF!</definedName>
    <definedName name="画面名" localSheetId="77">#REF!</definedName>
    <definedName name="画面名" localSheetId="72">#REF!</definedName>
    <definedName name="画面名" localSheetId="78">#REF!</definedName>
    <definedName name="画面名" localSheetId="46">#REF!</definedName>
    <definedName name="画面名" localSheetId="45">#REF!</definedName>
    <definedName name="画面名" localSheetId="43">#REF!</definedName>
    <definedName name="画面名" localSheetId="38">#REF!</definedName>
    <definedName name="画面名" localSheetId="44">#REF!</definedName>
    <definedName name="画面名" localSheetId="21">#REF!</definedName>
    <definedName name="画面名" localSheetId="20">#REF!</definedName>
    <definedName name="画面名" localSheetId="18">#REF!</definedName>
    <definedName name="画面名" localSheetId="13">#REF!</definedName>
    <definedName name="画面名" localSheetId="19">#REF!</definedName>
    <definedName name="画面名" localSheetId="54">#REF!</definedName>
    <definedName name="画面名" localSheetId="53">#REF!</definedName>
    <definedName name="画面名" localSheetId="52">#REF!</definedName>
    <definedName name="画面名" localSheetId="47">#REF!</definedName>
    <definedName name="画面名" localSheetId="29">#REF!</definedName>
    <definedName name="画面名" localSheetId="27">#REF!</definedName>
    <definedName name="画面名" localSheetId="22">#REF!</definedName>
    <definedName name="画面名" localSheetId="28">#REF!</definedName>
    <definedName name="画面名" localSheetId="37">#REF!</definedName>
    <definedName name="画面名" localSheetId="36">#REF!</definedName>
    <definedName name="画面名" localSheetId="35">#REF!</definedName>
    <definedName name="画面名" localSheetId="30">#REF!</definedName>
    <definedName name="画面名">#REF!</definedName>
    <definedName name="回復確認日時" localSheetId="10">#REF!</definedName>
    <definedName name="回復確認日時" localSheetId="63">#REF!</definedName>
    <definedName name="回復確認日時" localSheetId="62">#REF!</definedName>
    <definedName name="回復確認日時" localSheetId="60">#REF!</definedName>
    <definedName name="回復確認日時" localSheetId="55">#REF!</definedName>
    <definedName name="回復確認日時" localSheetId="61">#REF!</definedName>
    <definedName name="回復確認日時" localSheetId="71">#REF!</definedName>
    <definedName name="回復確認日時" localSheetId="69">#REF!</definedName>
    <definedName name="回復確認日時" localSheetId="64">#REF!</definedName>
    <definedName name="回復確認日時" localSheetId="70">#REF!</definedName>
    <definedName name="回復確認日時" localSheetId="80">#REF!</definedName>
    <definedName name="回復確認日時" localSheetId="79">#REF!</definedName>
    <definedName name="回復確認日時" localSheetId="77">#REF!</definedName>
    <definedName name="回復確認日時" localSheetId="72">#REF!</definedName>
    <definedName name="回復確認日時" localSheetId="78">#REF!</definedName>
    <definedName name="回復確認日時" localSheetId="46">#REF!</definedName>
    <definedName name="回復確認日時" localSheetId="45">#REF!</definedName>
    <definedName name="回復確認日時" localSheetId="43">#REF!</definedName>
    <definedName name="回復確認日時" localSheetId="38">#REF!</definedName>
    <definedName name="回復確認日時" localSheetId="44">#REF!</definedName>
    <definedName name="回復確認日時" localSheetId="21">#REF!</definedName>
    <definedName name="回復確認日時" localSheetId="20">#REF!</definedName>
    <definedName name="回復確認日時" localSheetId="18">#REF!</definedName>
    <definedName name="回復確認日時" localSheetId="13">#REF!</definedName>
    <definedName name="回復確認日時" localSheetId="19">#REF!</definedName>
    <definedName name="回復確認日時" localSheetId="54">#REF!</definedName>
    <definedName name="回復確認日時" localSheetId="53">#REF!</definedName>
    <definedName name="回復確認日時" localSheetId="52">#REF!</definedName>
    <definedName name="回復確認日時" localSheetId="47">#REF!</definedName>
    <definedName name="回復確認日時" localSheetId="29">#REF!</definedName>
    <definedName name="回復確認日時" localSheetId="27">#REF!</definedName>
    <definedName name="回復確認日時" localSheetId="22">#REF!</definedName>
    <definedName name="回復確認日時" localSheetId="28">#REF!</definedName>
    <definedName name="回復確認日時" localSheetId="37">#REF!</definedName>
    <definedName name="回復確認日時" localSheetId="36">#REF!</definedName>
    <definedName name="回復確認日時" localSheetId="35">#REF!</definedName>
    <definedName name="回復確認日時" localSheetId="30">#REF!</definedName>
    <definedName name="回復確認日時">#REF!</definedName>
    <definedName name="確認担当者" localSheetId="10">#REF!</definedName>
    <definedName name="確認担当者" localSheetId="63">#REF!</definedName>
    <definedName name="確認担当者" localSheetId="62">#REF!</definedName>
    <definedName name="確認担当者" localSheetId="60">#REF!</definedName>
    <definedName name="確認担当者" localSheetId="55">#REF!</definedName>
    <definedName name="確認担当者" localSheetId="61">#REF!</definedName>
    <definedName name="確認担当者" localSheetId="71">#REF!</definedName>
    <definedName name="確認担当者" localSheetId="69">#REF!</definedName>
    <definedName name="確認担当者" localSheetId="64">#REF!</definedName>
    <definedName name="確認担当者" localSheetId="70">#REF!</definedName>
    <definedName name="確認担当者" localSheetId="80">#REF!</definedName>
    <definedName name="確認担当者" localSheetId="79">#REF!</definedName>
    <definedName name="確認担当者" localSheetId="77">#REF!</definedName>
    <definedName name="確認担当者" localSheetId="72">#REF!</definedName>
    <definedName name="確認担当者" localSheetId="78">#REF!</definedName>
    <definedName name="確認担当者" localSheetId="46">#REF!</definedName>
    <definedName name="確認担当者" localSheetId="45">#REF!</definedName>
    <definedName name="確認担当者" localSheetId="43">#REF!</definedName>
    <definedName name="確認担当者" localSheetId="38">#REF!</definedName>
    <definedName name="確認担当者" localSheetId="44">#REF!</definedName>
    <definedName name="確認担当者" localSheetId="21">#REF!</definedName>
    <definedName name="確認担当者" localSheetId="20">#REF!</definedName>
    <definedName name="確認担当者" localSheetId="18">#REF!</definedName>
    <definedName name="確認担当者" localSheetId="13">#REF!</definedName>
    <definedName name="確認担当者" localSheetId="19">#REF!</definedName>
    <definedName name="確認担当者" localSheetId="54">#REF!</definedName>
    <definedName name="確認担当者" localSheetId="53">#REF!</definedName>
    <definedName name="確認担当者" localSheetId="52">#REF!</definedName>
    <definedName name="確認担当者" localSheetId="47">#REF!</definedName>
    <definedName name="確認担当者" localSheetId="29">#REF!</definedName>
    <definedName name="確認担当者" localSheetId="27">#REF!</definedName>
    <definedName name="確認担当者" localSheetId="22">#REF!</definedName>
    <definedName name="確認担当者" localSheetId="28">#REF!</definedName>
    <definedName name="確認担当者" localSheetId="37">#REF!</definedName>
    <definedName name="確認担当者" localSheetId="36">#REF!</definedName>
    <definedName name="確認担当者" localSheetId="35">#REF!</definedName>
    <definedName name="確認担当者" localSheetId="30">#REF!</definedName>
    <definedName name="確認担当者">#REF!</definedName>
    <definedName name="勘定科目テーブル">[4]勘定科目!$A$7:$X$577</definedName>
    <definedName name="管理番号" localSheetId="10">#REF!</definedName>
    <definedName name="管理番号" localSheetId="63">#REF!</definedName>
    <definedName name="管理番号" localSheetId="62">#REF!</definedName>
    <definedName name="管理番号" localSheetId="60">#REF!</definedName>
    <definedName name="管理番号" localSheetId="55">#REF!</definedName>
    <definedName name="管理番号" localSheetId="61">#REF!</definedName>
    <definedName name="管理番号" localSheetId="71">#REF!</definedName>
    <definedName name="管理番号" localSheetId="69">#REF!</definedName>
    <definedName name="管理番号" localSheetId="64">#REF!</definedName>
    <definedName name="管理番号" localSheetId="70">#REF!</definedName>
    <definedName name="管理番号" localSheetId="80">#REF!</definedName>
    <definedName name="管理番号" localSheetId="79">#REF!</definedName>
    <definedName name="管理番号" localSheetId="77">#REF!</definedName>
    <definedName name="管理番号" localSheetId="72">#REF!</definedName>
    <definedName name="管理番号" localSheetId="78">#REF!</definedName>
    <definedName name="管理番号" localSheetId="46">#REF!</definedName>
    <definedName name="管理番号" localSheetId="45">#REF!</definedName>
    <definedName name="管理番号" localSheetId="43">#REF!</definedName>
    <definedName name="管理番号" localSheetId="38">#REF!</definedName>
    <definedName name="管理番号" localSheetId="44">#REF!</definedName>
    <definedName name="管理番号" localSheetId="21">#REF!</definedName>
    <definedName name="管理番号" localSheetId="20">#REF!</definedName>
    <definedName name="管理番号" localSheetId="18">#REF!</definedName>
    <definedName name="管理番号" localSheetId="13">#REF!</definedName>
    <definedName name="管理番号" localSheetId="19">#REF!</definedName>
    <definedName name="管理番号" localSheetId="54">#REF!</definedName>
    <definedName name="管理番号" localSheetId="53">#REF!</definedName>
    <definedName name="管理番号" localSheetId="52">#REF!</definedName>
    <definedName name="管理番号" localSheetId="47">#REF!</definedName>
    <definedName name="管理番号" localSheetId="29">#REF!</definedName>
    <definedName name="管理番号" localSheetId="27">#REF!</definedName>
    <definedName name="管理番号" localSheetId="22">#REF!</definedName>
    <definedName name="管理番号" localSheetId="28">#REF!</definedName>
    <definedName name="管理番号" localSheetId="37">#REF!</definedName>
    <definedName name="管理番号" localSheetId="36">#REF!</definedName>
    <definedName name="管理番号" localSheetId="35">#REF!</definedName>
    <definedName name="管理番号" localSheetId="30">#REF!</definedName>
    <definedName name="管理番号">#REF!</definedName>
    <definedName name="件名" localSheetId="10">#REF!</definedName>
    <definedName name="件名" localSheetId="63">#REF!</definedName>
    <definedName name="件名" localSheetId="62">#REF!</definedName>
    <definedName name="件名" localSheetId="60">#REF!</definedName>
    <definedName name="件名" localSheetId="55">#REF!</definedName>
    <definedName name="件名" localSheetId="61">#REF!</definedName>
    <definedName name="件名" localSheetId="71">#REF!</definedName>
    <definedName name="件名" localSheetId="69">#REF!</definedName>
    <definedName name="件名" localSheetId="64">#REF!</definedName>
    <definedName name="件名" localSheetId="70">#REF!</definedName>
    <definedName name="件名" localSheetId="80">#REF!</definedName>
    <definedName name="件名" localSheetId="79">#REF!</definedName>
    <definedName name="件名" localSheetId="77">#REF!</definedName>
    <definedName name="件名" localSheetId="72">#REF!</definedName>
    <definedName name="件名" localSheetId="78">#REF!</definedName>
    <definedName name="件名" localSheetId="46">#REF!</definedName>
    <definedName name="件名" localSheetId="45">#REF!</definedName>
    <definedName name="件名" localSheetId="43">#REF!</definedName>
    <definedName name="件名" localSheetId="38">#REF!</definedName>
    <definedName name="件名" localSheetId="44">#REF!</definedName>
    <definedName name="件名" localSheetId="21">#REF!</definedName>
    <definedName name="件名" localSheetId="20">#REF!</definedName>
    <definedName name="件名" localSheetId="18">#REF!</definedName>
    <definedName name="件名" localSheetId="13">#REF!</definedName>
    <definedName name="件名" localSheetId="19">#REF!</definedName>
    <definedName name="件名" localSheetId="54">#REF!</definedName>
    <definedName name="件名" localSheetId="53">#REF!</definedName>
    <definedName name="件名" localSheetId="52">#REF!</definedName>
    <definedName name="件名" localSheetId="47">#REF!</definedName>
    <definedName name="件名" localSheetId="29">#REF!</definedName>
    <definedName name="件名" localSheetId="27">#REF!</definedName>
    <definedName name="件名" localSheetId="22">#REF!</definedName>
    <definedName name="件名" localSheetId="28">#REF!</definedName>
    <definedName name="件名" localSheetId="37">#REF!</definedName>
    <definedName name="件名" localSheetId="36">#REF!</definedName>
    <definedName name="件名" localSheetId="35">#REF!</definedName>
    <definedName name="件名" localSheetId="30">#REF!</definedName>
    <definedName name="件名">#REF!</definedName>
    <definedName name="原因分類" localSheetId="10">#REF!</definedName>
    <definedName name="原因分類" localSheetId="63">#REF!</definedName>
    <definedName name="原因分類" localSheetId="62">#REF!</definedName>
    <definedName name="原因分類" localSheetId="60">#REF!</definedName>
    <definedName name="原因分類" localSheetId="55">#REF!</definedName>
    <definedName name="原因分類" localSheetId="61">#REF!</definedName>
    <definedName name="原因分類" localSheetId="71">#REF!</definedName>
    <definedName name="原因分類" localSheetId="69">#REF!</definedName>
    <definedName name="原因分類" localSheetId="64">#REF!</definedName>
    <definedName name="原因分類" localSheetId="70">#REF!</definedName>
    <definedName name="原因分類" localSheetId="80">#REF!</definedName>
    <definedName name="原因分類" localSheetId="79">#REF!</definedName>
    <definedName name="原因分類" localSheetId="77">#REF!</definedName>
    <definedName name="原因分類" localSheetId="72">#REF!</definedName>
    <definedName name="原因分類" localSheetId="78">#REF!</definedName>
    <definedName name="原因分類" localSheetId="46">#REF!</definedName>
    <definedName name="原因分類" localSheetId="45">#REF!</definedName>
    <definedName name="原因分類" localSheetId="43">#REF!</definedName>
    <definedName name="原因分類" localSheetId="38">#REF!</definedName>
    <definedName name="原因分類" localSheetId="44">#REF!</definedName>
    <definedName name="原因分類" localSheetId="21">#REF!</definedName>
    <definedName name="原因分類" localSheetId="20">#REF!</definedName>
    <definedName name="原因分類" localSheetId="18">#REF!</definedName>
    <definedName name="原因分類" localSheetId="13">#REF!</definedName>
    <definedName name="原因分類" localSheetId="19">#REF!</definedName>
    <definedName name="原因分類" localSheetId="54">#REF!</definedName>
    <definedName name="原因分類" localSheetId="53">#REF!</definedName>
    <definedName name="原因分類" localSheetId="52">#REF!</definedName>
    <definedName name="原因分類" localSheetId="47">#REF!</definedName>
    <definedName name="原因分類" localSheetId="29">#REF!</definedName>
    <definedName name="原因分類" localSheetId="27">#REF!</definedName>
    <definedName name="原因分類" localSheetId="22">#REF!</definedName>
    <definedName name="原因分類" localSheetId="28">#REF!</definedName>
    <definedName name="原因分類" localSheetId="37">#REF!</definedName>
    <definedName name="原因分類" localSheetId="36">#REF!</definedName>
    <definedName name="原因分類" localSheetId="35">#REF!</definedName>
    <definedName name="原因分類" localSheetId="30">#REF!</definedName>
    <definedName name="原因分類">#REF!</definedName>
    <definedName name="公開不可" localSheetId="10">#REF!</definedName>
    <definedName name="公開不可" localSheetId="63">#REF!</definedName>
    <definedName name="公開不可" localSheetId="62">#REF!</definedName>
    <definedName name="公開不可" localSheetId="60">#REF!</definedName>
    <definedName name="公開不可" localSheetId="55">#REF!</definedName>
    <definedName name="公開不可" localSheetId="61">#REF!</definedName>
    <definedName name="公開不可" localSheetId="71">#REF!</definedName>
    <definedName name="公開不可" localSheetId="69">#REF!</definedName>
    <definedName name="公開不可" localSheetId="64">#REF!</definedName>
    <definedName name="公開不可" localSheetId="70">#REF!</definedName>
    <definedName name="公開不可" localSheetId="80">#REF!</definedName>
    <definedName name="公開不可" localSheetId="79">#REF!</definedName>
    <definedName name="公開不可" localSheetId="77">#REF!</definedName>
    <definedName name="公開不可" localSheetId="72">#REF!</definedName>
    <definedName name="公開不可" localSheetId="78">#REF!</definedName>
    <definedName name="公開不可" localSheetId="46">#REF!</definedName>
    <definedName name="公開不可" localSheetId="45">#REF!</definedName>
    <definedName name="公開不可" localSheetId="43">#REF!</definedName>
    <definedName name="公開不可" localSheetId="38">#REF!</definedName>
    <definedName name="公開不可" localSheetId="44">#REF!</definedName>
    <definedName name="公開不可" localSheetId="21">#REF!</definedName>
    <definedName name="公開不可" localSheetId="20">#REF!</definedName>
    <definedName name="公開不可" localSheetId="18">#REF!</definedName>
    <definedName name="公開不可" localSheetId="13">#REF!</definedName>
    <definedName name="公開不可" localSheetId="19">#REF!</definedName>
    <definedName name="公開不可" localSheetId="54">#REF!</definedName>
    <definedName name="公開不可" localSheetId="53">#REF!</definedName>
    <definedName name="公開不可" localSheetId="52">#REF!</definedName>
    <definedName name="公開不可" localSheetId="47">#REF!</definedName>
    <definedName name="公開不可" localSheetId="29">#REF!</definedName>
    <definedName name="公開不可" localSheetId="27">#REF!</definedName>
    <definedName name="公開不可" localSheetId="22">#REF!</definedName>
    <definedName name="公開不可" localSheetId="28">#REF!</definedName>
    <definedName name="公開不可" localSheetId="37">#REF!</definedName>
    <definedName name="公開不可" localSheetId="36">#REF!</definedName>
    <definedName name="公開不可" localSheetId="35">#REF!</definedName>
    <definedName name="公開不可" localSheetId="30">#REF!</definedName>
    <definedName name="公開不可">#REF!</definedName>
    <definedName name="作業日時開始" localSheetId="10">#REF!</definedName>
    <definedName name="作業日時開始" localSheetId="63">#REF!</definedName>
    <definedName name="作業日時開始" localSheetId="62">#REF!</definedName>
    <definedName name="作業日時開始" localSheetId="60">#REF!</definedName>
    <definedName name="作業日時開始" localSheetId="55">#REF!</definedName>
    <definedName name="作業日時開始" localSheetId="61">#REF!</definedName>
    <definedName name="作業日時開始" localSheetId="71">#REF!</definedName>
    <definedName name="作業日時開始" localSheetId="69">#REF!</definedName>
    <definedName name="作業日時開始" localSheetId="64">#REF!</definedName>
    <definedName name="作業日時開始" localSheetId="70">#REF!</definedName>
    <definedName name="作業日時開始" localSheetId="80">#REF!</definedName>
    <definedName name="作業日時開始" localSheetId="79">#REF!</definedName>
    <definedName name="作業日時開始" localSheetId="77">#REF!</definedName>
    <definedName name="作業日時開始" localSheetId="72">#REF!</definedName>
    <definedName name="作業日時開始" localSheetId="78">#REF!</definedName>
    <definedName name="作業日時開始" localSheetId="46">#REF!</definedName>
    <definedName name="作業日時開始" localSheetId="45">#REF!</definedName>
    <definedName name="作業日時開始" localSheetId="43">#REF!</definedName>
    <definedName name="作業日時開始" localSheetId="38">#REF!</definedName>
    <definedName name="作業日時開始" localSheetId="44">#REF!</definedName>
    <definedName name="作業日時開始" localSheetId="21">#REF!</definedName>
    <definedName name="作業日時開始" localSheetId="20">#REF!</definedName>
    <definedName name="作業日時開始" localSheetId="18">#REF!</definedName>
    <definedName name="作業日時開始" localSheetId="13">#REF!</definedName>
    <definedName name="作業日時開始" localSheetId="19">#REF!</definedName>
    <definedName name="作業日時開始" localSheetId="54">#REF!</definedName>
    <definedName name="作業日時開始" localSheetId="53">#REF!</definedName>
    <definedName name="作業日時開始" localSheetId="52">#REF!</definedName>
    <definedName name="作業日時開始" localSheetId="47">#REF!</definedName>
    <definedName name="作業日時開始" localSheetId="29">#REF!</definedName>
    <definedName name="作業日時開始" localSheetId="27">#REF!</definedName>
    <definedName name="作業日時開始" localSheetId="22">#REF!</definedName>
    <definedName name="作業日時開始" localSheetId="28">#REF!</definedName>
    <definedName name="作業日時開始" localSheetId="37">#REF!</definedName>
    <definedName name="作業日時開始" localSheetId="36">#REF!</definedName>
    <definedName name="作業日時開始" localSheetId="35">#REF!</definedName>
    <definedName name="作業日時開始" localSheetId="30">#REF!</definedName>
    <definedName name="作業日時開始">#REF!</definedName>
    <definedName name="作業日時終了" localSheetId="10">#REF!</definedName>
    <definedName name="作業日時終了" localSheetId="63">#REF!</definedName>
    <definedName name="作業日時終了" localSheetId="62">#REF!</definedName>
    <definedName name="作業日時終了" localSheetId="60">#REF!</definedName>
    <definedName name="作業日時終了" localSheetId="55">#REF!</definedName>
    <definedName name="作業日時終了" localSheetId="61">#REF!</definedName>
    <definedName name="作業日時終了" localSheetId="71">#REF!</definedName>
    <definedName name="作業日時終了" localSheetId="69">#REF!</definedName>
    <definedName name="作業日時終了" localSheetId="64">#REF!</definedName>
    <definedName name="作業日時終了" localSheetId="70">#REF!</definedName>
    <definedName name="作業日時終了" localSheetId="80">#REF!</definedName>
    <definedName name="作業日時終了" localSheetId="79">#REF!</definedName>
    <definedName name="作業日時終了" localSheetId="77">#REF!</definedName>
    <definedName name="作業日時終了" localSheetId="72">#REF!</definedName>
    <definedName name="作業日時終了" localSheetId="78">#REF!</definedName>
    <definedName name="作業日時終了" localSheetId="46">#REF!</definedName>
    <definedName name="作業日時終了" localSheetId="45">#REF!</definedName>
    <definedName name="作業日時終了" localSheetId="43">#REF!</definedName>
    <definedName name="作業日時終了" localSheetId="38">#REF!</definedName>
    <definedName name="作業日時終了" localSheetId="44">#REF!</definedName>
    <definedName name="作業日時終了" localSheetId="21">#REF!</definedName>
    <definedName name="作業日時終了" localSheetId="20">#REF!</definedName>
    <definedName name="作業日時終了" localSheetId="18">#REF!</definedName>
    <definedName name="作業日時終了" localSheetId="13">#REF!</definedName>
    <definedName name="作業日時終了" localSheetId="19">#REF!</definedName>
    <definedName name="作業日時終了" localSheetId="54">#REF!</definedName>
    <definedName name="作業日時終了" localSheetId="53">#REF!</definedName>
    <definedName name="作業日時終了" localSheetId="52">#REF!</definedName>
    <definedName name="作業日時終了" localSheetId="47">#REF!</definedName>
    <definedName name="作業日時終了" localSheetId="29">#REF!</definedName>
    <definedName name="作業日時終了" localSheetId="27">#REF!</definedName>
    <definedName name="作業日時終了" localSheetId="22">#REF!</definedName>
    <definedName name="作業日時終了" localSheetId="28">#REF!</definedName>
    <definedName name="作業日時終了" localSheetId="37">#REF!</definedName>
    <definedName name="作業日時終了" localSheetId="36">#REF!</definedName>
    <definedName name="作業日時終了" localSheetId="35">#REF!</definedName>
    <definedName name="作業日時終了" localSheetId="30">#REF!</definedName>
    <definedName name="作業日時終了">#REF!</definedName>
    <definedName name="受付区分" localSheetId="10">#REF!</definedName>
    <definedName name="受付区分" localSheetId="63">#REF!</definedName>
    <definedName name="受付区分" localSheetId="62">#REF!</definedName>
    <definedName name="受付区分" localSheetId="60">#REF!</definedName>
    <definedName name="受付区分" localSheetId="55">#REF!</definedName>
    <definedName name="受付区分" localSheetId="61">#REF!</definedName>
    <definedName name="受付区分" localSheetId="71">#REF!</definedName>
    <definedName name="受付区分" localSheetId="69">#REF!</definedName>
    <definedName name="受付区分" localSheetId="64">#REF!</definedName>
    <definedName name="受付区分" localSheetId="70">#REF!</definedName>
    <definedName name="受付区分" localSheetId="80">#REF!</definedName>
    <definedName name="受付区分" localSheetId="79">#REF!</definedName>
    <definedName name="受付区分" localSheetId="77">#REF!</definedName>
    <definedName name="受付区分" localSheetId="72">#REF!</definedName>
    <definedName name="受付区分" localSheetId="78">#REF!</definedName>
    <definedName name="受付区分" localSheetId="46">#REF!</definedName>
    <definedName name="受付区分" localSheetId="45">#REF!</definedName>
    <definedName name="受付区分" localSheetId="43">#REF!</definedName>
    <definedName name="受付区分" localSheetId="38">#REF!</definedName>
    <definedName name="受付区分" localSheetId="44">#REF!</definedName>
    <definedName name="受付区分" localSheetId="21">#REF!</definedName>
    <definedName name="受付区分" localSheetId="20">#REF!</definedName>
    <definedName name="受付区分" localSheetId="18">#REF!</definedName>
    <definedName name="受付区分" localSheetId="13">#REF!</definedName>
    <definedName name="受付区分" localSheetId="19">#REF!</definedName>
    <definedName name="受付区分" localSheetId="54">#REF!</definedName>
    <definedName name="受付区分" localSheetId="53">#REF!</definedName>
    <definedName name="受付区分" localSheetId="52">#REF!</definedName>
    <definedName name="受付区分" localSheetId="47">#REF!</definedName>
    <definedName name="受付区分" localSheetId="29">#REF!</definedName>
    <definedName name="受付区分" localSheetId="27">#REF!</definedName>
    <definedName name="受付区分" localSheetId="22">#REF!</definedName>
    <definedName name="受付区分" localSheetId="28">#REF!</definedName>
    <definedName name="受付区分" localSheetId="37">#REF!</definedName>
    <definedName name="受付区分" localSheetId="36">#REF!</definedName>
    <definedName name="受付区分" localSheetId="35">#REF!</definedName>
    <definedName name="受付区分" localSheetId="30">#REF!</definedName>
    <definedName name="受付区分">#REF!</definedName>
    <definedName name="受付時間" localSheetId="10">#REF!</definedName>
    <definedName name="受付時間" localSheetId="63">#REF!</definedName>
    <definedName name="受付時間" localSheetId="62">#REF!</definedName>
    <definedName name="受付時間" localSheetId="60">#REF!</definedName>
    <definedName name="受付時間" localSheetId="55">#REF!</definedName>
    <definedName name="受付時間" localSheetId="61">#REF!</definedName>
    <definedName name="受付時間" localSheetId="71">#REF!</definedName>
    <definedName name="受付時間" localSheetId="69">#REF!</definedName>
    <definedName name="受付時間" localSheetId="64">#REF!</definedName>
    <definedName name="受付時間" localSheetId="70">#REF!</definedName>
    <definedName name="受付時間" localSheetId="80">#REF!</definedName>
    <definedName name="受付時間" localSheetId="79">#REF!</definedName>
    <definedName name="受付時間" localSheetId="77">#REF!</definedName>
    <definedName name="受付時間" localSheetId="72">#REF!</definedName>
    <definedName name="受付時間" localSheetId="78">#REF!</definedName>
    <definedName name="受付時間" localSheetId="46">#REF!</definedName>
    <definedName name="受付時間" localSheetId="45">#REF!</definedName>
    <definedName name="受付時間" localSheetId="43">#REF!</definedName>
    <definedName name="受付時間" localSheetId="38">#REF!</definedName>
    <definedName name="受付時間" localSheetId="44">#REF!</definedName>
    <definedName name="受付時間" localSheetId="21">#REF!</definedName>
    <definedName name="受付時間" localSheetId="20">#REF!</definedName>
    <definedName name="受付時間" localSheetId="18">#REF!</definedName>
    <definedName name="受付時間" localSheetId="13">#REF!</definedName>
    <definedName name="受付時間" localSheetId="19">#REF!</definedName>
    <definedName name="受付時間" localSheetId="54">#REF!</definedName>
    <definedName name="受付時間" localSheetId="53">#REF!</definedName>
    <definedName name="受付時間" localSheetId="52">#REF!</definedName>
    <definedName name="受付時間" localSheetId="47">#REF!</definedName>
    <definedName name="受付時間" localSheetId="29">#REF!</definedName>
    <definedName name="受付時間" localSheetId="27">#REF!</definedName>
    <definedName name="受付時間" localSheetId="22">#REF!</definedName>
    <definedName name="受付時間" localSheetId="28">#REF!</definedName>
    <definedName name="受付時間" localSheetId="37">#REF!</definedName>
    <definedName name="受付時間" localSheetId="36">#REF!</definedName>
    <definedName name="受付時間" localSheetId="35">#REF!</definedName>
    <definedName name="受付時間" localSheetId="30">#REF!</definedName>
    <definedName name="受付時間">#REF!</definedName>
    <definedName name="受付日" localSheetId="10">#REF!</definedName>
    <definedName name="受付日" localSheetId="63">#REF!</definedName>
    <definedName name="受付日" localSheetId="62">#REF!</definedName>
    <definedName name="受付日" localSheetId="60">#REF!</definedName>
    <definedName name="受付日" localSheetId="55">#REF!</definedName>
    <definedName name="受付日" localSheetId="61">#REF!</definedName>
    <definedName name="受付日" localSheetId="71">#REF!</definedName>
    <definedName name="受付日" localSheetId="69">#REF!</definedName>
    <definedName name="受付日" localSheetId="64">#REF!</definedName>
    <definedName name="受付日" localSheetId="70">#REF!</definedName>
    <definedName name="受付日" localSheetId="80">#REF!</definedName>
    <definedName name="受付日" localSheetId="79">#REF!</definedName>
    <definedName name="受付日" localSheetId="77">#REF!</definedName>
    <definedName name="受付日" localSheetId="72">#REF!</definedName>
    <definedName name="受付日" localSheetId="78">#REF!</definedName>
    <definedName name="受付日" localSheetId="46">#REF!</definedName>
    <definedName name="受付日" localSheetId="45">#REF!</definedName>
    <definedName name="受付日" localSheetId="43">#REF!</definedName>
    <definedName name="受付日" localSheetId="38">#REF!</definedName>
    <definedName name="受付日" localSheetId="44">#REF!</definedName>
    <definedName name="受付日" localSheetId="21">#REF!</definedName>
    <definedName name="受付日" localSheetId="20">#REF!</definedName>
    <definedName name="受付日" localSheetId="18">#REF!</definedName>
    <definedName name="受付日" localSheetId="13">#REF!</definedName>
    <definedName name="受付日" localSheetId="19">#REF!</definedName>
    <definedName name="受付日" localSheetId="54">#REF!</definedName>
    <definedName name="受付日" localSheetId="53">#REF!</definedName>
    <definedName name="受付日" localSheetId="52">#REF!</definedName>
    <definedName name="受付日" localSheetId="47">#REF!</definedName>
    <definedName name="受付日" localSheetId="29">#REF!</definedName>
    <definedName name="受付日" localSheetId="27">#REF!</definedName>
    <definedName name="受付日" localSheetId="22">#REF!</definedName>
    <definedName name="受付日" localSheetId="28">#REF!</definedName>
    <definedName name="受付日" localSheetId="37">#REF!</definedName>
    <definedName name="受付日" localSheetId="36">#REF!</definedName>
    <definedName name="受付日" localSheetId="35">#REF!</definedName>
    <definedName name="受付日" localSheetId="30">#REF!</definedName>
    <definedName name="受付日">#REF!</definedName>
    <definedName name="受付日時" localSheetId="10">#REF!</definedName>
    <definedName name="受付日時" localSheetId="63">#REF!</definedName>
    <definedName name="受付日時" localSheetId="62">#REF!</definedName>
    <definedName name="受付日時" localSheetId="60">#REF!</definedName>
    <definedName name="受付日時" localSheetId="55">#REF!</definedName>
    <definedName name="受付日時" localSheetId="61">#REF!</definedName>
    <definedName name="受付日時" localSheetId="71">#REF!</definedName>
    <definedName name="受付日時" localSheetId="69">#REF!</definedName>
    <definedName name="受付日時" localSheetId="64">#REF!</definedName>
    <definedName name="受付日時" localSheetId="70">#REF!</definedName>
    <definedName name="受付日時" localSheetId="80">#REF!</definedName>
    <definedName name="受付日時" localSheetId="79">#REF!</definedName>
    <definedName name="受付日時" localSheetId="77">#REF!</definedName>
    <definedName name="受付日時" localSheetId="72">#REF!</definedName>
    <definedName name="受付日時" localSheetId="78">#REF!</definedName>
    <definedName name="受付日時" localSheetId="46">#REF!</definedName>
    <definedName name="受付日時" localSheetId="45">#REF!</definedName>
    <definedName name="受付日時" localSheetId="43">#REF!</definedName>
    <definedName name="受付日時" localSheetId="38">#REF!</definedName>
    <definedName name="受付日時" localSheetId="44">#REF!</definedName>
    <definedName name="受付日時" localSheetId="21">#REF!</definedName>
    <definedName name="受付日時" localSheetId="20">#REF!</definedName>
    <definedName name="受付日時" localSheetId="18">#REF!</definedName>
    <definedName name="受付日時" localSheetId="13">#REF!</definedName>
    <definedName name="受付日時" localSheetId="19">#REF!</definedName>
    <definedName name="受付日時" localSheetId="54">#REF!</definedName>
    <definedName name="受付日時" localSheetId="53">#REF!</definedName>
    <definedName name="受付日時" localSheetId="52">#REF!</definedName>
    <definedName name="受付日時" localSheetId="47">#REF!</definedName>
    <definedName name="受付日時" localSheetId="29">#REF!</definedName>
    <definedName name="受付日時" localSheetId="27">#REF!</definedName>
    <definedName name="受付日時" localSheetId="22">#REF!</definedName>
    <definedName name="受付日時" localSheetId="28">#REF!</definedName>
    <definedName name="受付日時" localSheetId="37">#REF!</definedName>
    <definedName name="受付日時" localSheetId="36">#REF!</definedName>
    <definedName name="受付日時" localSheetId="35">#REF!</definedName>
    <definedName name="受付日時" localSheetId="30">#REF!</definedName>
    <definedName name="受付日時">#REF!</definedName>
    <definedName name="収入未済" localSheetId="9">#REF!</definedName>
    <definedName name="収入未済" localSheetId="10">#REF!</definedName>
    <definedName name="収入未済" localSheetId="11">#REF!</definedName>
    <definedName name="収入未済" localSheetId="63">#REF!</definedName>
    <definedName name="収入未済" localSheetId="62">#REF!</definedName>
    <definedName name="収入未済" localSheetId="60">#REF!</definedName>
    <definedName name="収入未済" localSheetId="55">#REF!</definedName>
    <definedName name="収入未済" localSheetId="61">#REF!</definedName>
    <definedName name="収入未済" localSheetId="71">#REF!</definedName>
    <definedName name="収入未済" localSheetId="69">#REF!</definedName>
    <definedName name="収入未済" localSheetId="64">#REF!</definedName>
    <definedName name="収入未済" localSheetId="70">#REF!</definedName>
    <definedName name="収入未済" localSheetId="80">#REF!</definedName>
    <definedName name="収入未済" localSheetId="79">#REF!</definedName>
    <definedName name="収入未済" localSheetId="77">#REF!</definedName>
    <definedName name="収入未済" localSheetId="72">#REF!</definedName>
    <definedName name="収入未済" localSheetId="78">#REF!</definedName>
    <definedName name="収入未済" localSheetId="46">#REF!</definedName>
    <definedName name="収入未済" localSheetId="45">#REF!</definedName>
    <definedName name="収入未済" localSheetId="43">#REF!</definedName>
    <definedName name="収入未済" localSheetId="38">#REF!</definedName>
    <definedName name="収入未済" localSheetId="44">#REF!</definedName>
    <definedName name="収入未済" localSheetId="21">#REF!</definedName>
    <definedName name="収入未済" localSheetId="20">#REF!</definedName>
    <definedName name="収入未済" localSheetId="18">#REF!</definedName>
    <definedName name="収入未済" localSheetId="13">#REF!</definedName>
    <definedName name="収入未済" localSheetId="19">#REF!</definedName>
    <definedName name="収入未済" localSheetId="54">#REF!</definedName>
    <definedName name="収入未済" localSheetId="53">#REF!</definedName>
    <definedName name="収入未済" localSheetId="52">#REF!</definedName>
    <definedName name="収入未済" localSheetId="47">#REF!</definedName>
    <definedName name="収入未済" localSheetId="29">#REF!</definedName>
    <definedName name="収入未済" localSheetId="27">#REF!</definedName>
    <definedName name="収入未済" localSheetId="22">#REF!</definedName>
    <definedName name="収入未済" localSheetId="28">#REF!</definedName>
    <definedName name="収入未済" localSheetId="37">#REF!</definedName>
    <definedName name="収入未済" localSheetId="36">#REF!</definedName>
    <definedName name="収入未済" localSheetId="35">#REF!</definedName>
    <definedName name="収入未済" localSheetId="30">#REF!</definedName>
    <definedName name="収入未済">#REF!</definedName>
    <definedName name="所属" localSheetId="10">#REF!</definedName>
    <definedName name="所属" localSheetId="63">#REF!</definedName>
    <definedName name="所属" localSheetId="62">#REF!</definedName>
    <definedName name="所属" localSheetId="60">#REF!</definedName>
    <definedName name="所属" localSheetId="55">#REF!</definedName>
    <definedName name="所属" localSheetId="61">#REF!</definedName>
    <definedName name="所属" localSheetId="71">#REF!</definedName>
    <definedName name="所属" localSheetId="69">#REF!</definedName>
    <definedName name="所属" localSheetId="64">#REF!</definedName>
    <definedName name="所属" localSheetId="70">#REF!</definedName>
    <definedName name="所属" localSheetId="80">#REF!</definedName>
    <definedName name="所属" localSheetId="79">#REF!</definedName>
    <definedName name="所属" localSheetId="77">#REF!</definedName>
    <definedName name="所属" localSheetId="72">#REF!</definedName>
    <definedName name="所属" localSheetId="78">#REF!</definedName>
    <definedName name="所属" localSheetId="46">#REF!</definedName>
    <definedName name="所属" localSheetId="45">#REF!</definedName>
    <definedName name="所属" localSheetId="43">#REF!</definedName>
    <definedName name="所属" localSheetId="38">#REF!</definedName>
    <definedName name="所属" localSheetId="44">#REF!</definedName>
    <definedName name="所属" localSheetId="21">#REF!</definedName>
    <definedName name="所属" localSheetId="20">#REF!</definedName>
    <definedName name="所属" localSheetId="18">#REF!</definedName>
    <definedName name="所属" localSheetId="13">#REF!</definedName>
    <definedName name="所属" localSheetId="19">#REF!</definedName>
    <definedName name="所属" localSheetId="54">#REF!</definedName>
    <definedName name="所属" localSheetId="53">#REF!</definedName>
    <definedName name="所属" localSheetId="52">#REF!</definedName>
    <definedName name="所属" localSheetId="47">#REF!</definedName>
    <definedName name="所属" localSheetId="29">#REF!</definedName>
    <definedName name="所属" localSheetId="27">#REF!</definedName>
    <definedName name="所属" localSheetId="22">#REF!</definedName>
    <definedName name="所属" localSheetId="28">#REF!</definedName>
    <definedName name="所属" localSheetId="37">#REF!</definedName>
    <definedName name="所属" localSheetId="36">#REF!</definedName>
    <definedName name="所属" localSheetId="35">#REF!</definedName>
    <definedName name="所属" localSheetId="30">#REF!</definedName>
    <definedName name="所属">#REF!</definedName>
    <definedName name="詳細コード" localSheetId="10">#REF!</definedName>
    <definedName name="詳細コード" localSheetId="63">#REF!</definedName>
    <definedName name="詳細コード" localSheetId="62">#REF!</definedName>
    <definedName name="詳細コード" localSheetId="60">#REF!</definedName>
    <definedName name="詳細コード" localSheetId="55">#REF!</definedName>
    <definedName name="詳細コード" localSheetId="61">#REF!</definedName>
    <definedName name="詳細コード" localSheetId="71">#REF!</definedName>
    <definedName name="詳細コード" localSheetId="69">#REF!</definedName>
    <definedName name="詳細コード" localSheetId="64">#REF!</definedName>
    <definedName name="詳細コード" localSheetId="70">#REF!</definedName>
    <definedName name="詳細コード" localSheetId="80">#REF!</definedName>
    <definedName name="詳細コード" localSheetId="79">#REF!</definedName>
    <definedName name="詳細コード" localSheetId="77">#REF!</definedName>
    <definedName name="詳細コード" localSheetId="72">#REF!</definedName>
    <definedName name="詳細コード" localSheetId="78">#REF!</definedName>
    <definedName name="詳細コード" localSheetId="46">#REF!</definedName>
    <definedName name="詳細コード" localSheetId="45">#REF!</definedName>
    <definedName name="詳細コード" localSheetId="43">#REF!</definedName>
    <definedName name="詳細コード" localSheetId="38">#REF!</definedName>
    <definedName name="詳細コード" localSheetId="44">#REF!</definedName>
    <definedName name="詳細コード" localSheetId="21">#REF!</definedName>
    <definedName name="詳細コード" localSheetId="20">#REF!</definedName>
    <definedName name="詳細コード" localSheetId="18">#REF!</definedName>
    <definedName name="詳細コード" localSheetId="13">#REF!</definedName>
    <definedName name="詳細コード" localSheetId="19">#REF!</definedName>
    <definedName name="詳細コード" localSheetId="54">#REF!</definedName>
    <definedName name="詳細コード" localSheetId="53">#REF!</definedName>
    <definedName name="詳細コード" localSheetId="52">#REF!</definedName>
    <definedName name="詳細コード" localSheetId="47">#REF!</definedName>
    <definedName name="詳細コード" localSheetId="29">#REF!</definedName>
    <definedName name="詳細コード" localSheetId="27">#REF!</definedName>
    <definedName name="詳細コード" localSheetId="22">#REF!</definedName>
    <definedName name="詳細コード" localSheetId="28">#REF!</definedName>
    <definedName name="詳細コード" localSheetId="37">#REF!</definedName>
    <definedName name="詳細コード" localSheetId="36">#REF!</definedName>
    <definedName name="詳細コード" localSheetId="35">#REF!</definedName>
    <definedName name="詳細コード" localSheetId="30">#REF!</definedName>
    <definedName name="詳細コード">#REF!</definedName>
    <definedName name="障害発生日時" localSheetId="10">#REF!</definedName>
    <definedName name="障害発生日時" localSheetId="63">#REF!</definedName>
    <definedName name="障害発生日時" localSheetId="62">#REF!</definedName>
    <definedName name="障害発生日時" localSheetId="60">#REF!</definedName>
    <definedName name="障害発生日時" localSheetId="55">#REF!</definedName>
    <definedName name="障害発生日時" localSheetId="61">#REF!</definedName>
    <definedName name="障害発生日時" localSheetId="71">#REF!</definedName>
    <definedName name="障害発生日時" localSheetId="69">#REF!</definedName>
    <definedName name="障害発生日時" localSheetId="64">#REF!</definedName>
    <definedName name="障害発生日時" localSheetId="70">#REF!</definedName>
    <definedName name="障害発生日時" localSheetId="80">#REF!</definedName>
    <definedName name="障害発生日時" localSheetId="79">#REF!</definedName>
    <definedName name="障害発生日時" localSheetId="77">#REF!</definedName>
    <definedName name="障害発生日時" localSheetId="72">#REF!</definedName>
    <definedName name="障害発生日時" localSheetId="78">#REF!</definedName>
    <definedName name="障害発生日時" localSheetId="46">#REF!</definedName>
    <definedName name="障害発生日時" localSheetId="45">#REF!</definedName>
    <definedName name="障害発生日時" localSheetId="43">#REF!</definedName>
    <definedName name="障害発生日時" localSheetId="38">#REF!</definedName>
    <definedName name="障害発生日時" localSheetId="44">#REF!</definedName>
    <definedName name="障害発生日時" localSheetId="21">#REF!</definedName>
    <definedName name="障害発生日時" localSheetId="20">#REF!</definedName>
    <definedName name="障害発生日時" localSheetId="18">#REF!</definedName>
    <definedName name="障害発生日時" localSheetId="13">#REF!</definedName>
    <definedName name="障害発生日時" localSheetId="19">#REF!</definedName>
    <definedName name="障害発生日時" localSheetId="54">#REF!</definedName>
    <definedName name="障害発生日時" localSheetId="53">#REF!</definedName>
    <definedName name="障害発生日時" localSheetId="52">#REF!</definedName>
    <definedName name="障害発生日時" localSheetId="47">#REF!</definedName>
    <definedName name="障害発生日時" localSheetId="29">#REF!</definedName>
    <definedName name="障害発生日時" localSheetId="27">#REF!</definedName>
    <definedName name="障害発生日時" localSheetId="22">#REF!</definedName>
    <definedName name="障害発生日時" localSheetId="28">#REF!</definedName>
    <definedName name="障害発生日時" localSheetId="37">#REF!</definedName>
    <definedName name="障害発生日時" localSheetId="36">#REF!</definedName>
    <definedName name="障害発生日時" localSheetId="35">#REF!</definedName>
    <definedName name="障害発生日時" localSheetId="30">#REF!</definedName>
    <definedName name="障害発生日時">#REF!</definedName>
    <definedName name="状態" localSheetId="10">#REF!</definedName>
    <definedName name="状態" localSheetId="63">#REF!</definedName>
    <definedName name="状態" localSheetId="62">#REF!</definedName>
    <definedName name="状態" localSheetId="60">#REF!</definedName>
    <definedName name="状態" localSheetId="55">#REF!</definedName>
    <definedName name="状態" localSheetId="61">#REF!</definedName>
    <definedName name="状態" localSheetId="71">#REF!</definedName>
    <definedName name="状態" localSheetId="69">#REF!</definedName>
    <definedName name="状態" localSheetId="64">#REF!</definedName>
    <definedName name="状態" localSheetId="70">#REF!</definedName>
    <definedName name="状態" localSheetId="80">#REF!</definedName>
    <definedName name="状態" localSheetId="79">#REF!</definedName>
    <definedName name="状態" localSheetId="77">#REF!</definedName>
    <definedName name="状態" localSheetId="72">#REF!</definedName>
    <definedName name="状態" localSheetId="78">#REF!</definedName>
    <definedName name="状態" localSheetId="46">#REF!</definedName>
    <definedName name="状態" localSheetId="45">#REF!</definedName>
    <definedName name="状態" localSheetId="43">#REF!</definedName>
    <definedName name="状態" localSheetId="38">#REF!</definedName>
    <definedName name="状態" localSheetId="44">#REF!</definedName>
    <definedName name="状態" localSheetId="21">#REF!</definedName>
    <definedName name="状態" localSheetId="20">#REF!</definedName>
    <definedName name="状態" localSheetId="18">#REF!</definedName>
    <definedName name="状態" localSheetId="13">#REF!</definedName>
    <definedName name="状態" localSheetId="19">#REF!</definedName>
    <definedName name="状態" localSheetId="54">#REF!</definedName>
    <definedName name="状態" localSheetId="53">#REF!</definedName>
    <definedName name="状態" localSheetId="52">#REF!</definedName>
    <definedName name="状態" localSheetId="47">#REF!</definedName>
    <definedName name="状態" localSheetId="29">#REF!</definedName>
    <definedName name="状態" localSheetId="27">#REF!</definedName>
    <definedName name="状態" localSheetId="22">#REF!</definedName>
    <definedName name="状態" localSheetId="28">#REF!</definedName>
    <definedName name="状態" localSheetId="37">#REF!</definedName>
    <definedName name="状態" localSheetId="36">#REF!</definedName>
    <definedName name="状態" localSheetId="35">#REF!</definedName>
    <definedName name="状態" localSheetId="30">#REF!</definedName>
    <definedName name="状態">#REF!</definedName>
    <definedName name="職員番号" localSheetId="10">#REF!</definedName>
    <definedName name="職員番号" localSheetId="63">#REF!</definedName>
    <definedName name="職員番号" localSheetId="62">#REF!</definedName>
    <definedName name="職員番号" localSheetId="60">#REF!</definedName>
    <definedName name="職員番号" localSheetId="55">#REF!</definedName>
    <definedName name="職員番号" localSheetId="61">#REF!</definedName>
    <definedName name="職員番号" localSheetId="71">#REF!</definedName>
    <definedName name="職員番号" localSheetId="69">#REF!</definedName>
    <definedName name="職員番号" localSheetId="64">#REF!</definedName>
    <definedName name="職員番号" localSheetId="70">#REF!</definedName>
    <definedName name="職員番号" localSheetId="80">#REF!</definedName>
    <definedName name="職員番号" localSheetId="79">#REF!</definedName>
    <definedName name="職員番号" localSheetId="77">#REF!</definedName>
    <definedName name="職員番号" localSheetId="72">#REF!</definedName>
    <definedName name="職員番号" localSheetId="78">#REF!</definedName>
    <definedName name="職員番号" localSheetId="46">#REF!</definedName>
    <definedName name="職員番号" localSheetId="45">#REF!</definedName>
    <definedName name="職員番号" localSheetId="43">#REF!</definedName>
    <definedName name="職員番号" localSheetId="38">#REF!</definedName>
    <definedName name="職員番号" localSheetId="44">#REF!</definedName>
    <definedName name="職員番号" localSheetId="21">#REF!</definedName>
    <definedName name="職員番号" localSheetId="20">#REF!</definedName>
    <definedName name="職員番号" localSheetId="18">#REF!</definedName>
    <definedName name="職員番号" localSheetId="13">#REF!</definedName>
    <definedName name="職員番号" localSheetId="19">#REF!</definedName>
    <definedName name="職員番号" localSheetId="54">#REF!</definedName>
    <definedName name="職員番号" localSheetId="53">#REF!</definedName>
    <definedName name="職員番号" localSheetId="52">#REF!</definedName>
    <definedName name="職員番号" localSheetId="47">#REF!</definedName>
    <definedName name="職員番号" localSheetId="29">#REF!</definedName>
    <definedName name="職員番号" localSheetId="27">#REF!</definedName>
    <definedName name="職員番号" localSheetId="22">#REF!</definedName>
    <definedName name="職員番号" localSheetId="28">#REF!</definedName>
    <definedName name="職員番号" localSheetId="37">#REF!</definedName>
    <definedName name="職員番号" localSheetId="36">#REF!</definedName>
    <definedName name="職員番号" localSheetId="35">#REF!</definedName>
    <definedName name="職員番号" localSheetId="30">#REF!</definedName>
    <definedName name="職員番号">#REF!</definedName>
    <definedName name="職員名" localSheetId="10">#REF!</definedName>
    <definedName name="職員名" localSheetId="63">#REF!</definedName>
    <definedName name="職員名" localSheetId="62">#REF!</definedName>
    <definedName name="職員名" localSheetId="60">#REF!</definedName>
    <definedName name="職員名" localSheetId="55">#REF!</definedName>
    <definedName name="職員名" localSheetId="61">#REF!</definedName>
    <definedName name="職員名" localSheetId="71">#REF!</definedName>
    <definedName name="職員名" localSheetId="69">#REF!</definedName>
    <definedName name="職員名" localSheetId="64">#REF!</definedName>
    <definedName name="職員名" localSheetId="70">#REF!</definedName>
    <definedName name="職員名" localSheetId="80">#REF!</definedName>
    <definedName name="職員名" localSheetId="79">#REF!</definedName>
    <definedName name="職員名" localSheetId="77">#REF!</definedName>
    <definedName name="職員名" localSheetId="72">#REF!</definedName>
    <definedName name="職員名" localSheetId="78">#REF!</definedName>
    <definedName name="職員名" localSheetId="46">#REF!</definedName>
    <definedName name="職員名" localSheetId="45">#REF!</definedName>
    <definedName name="職員名" localSheetId="43">#REF!</definedName>
    <definedName name="職員名" localSheetId="38">#REF!</definedName>
    <definedName name="職員名" localSheetId="44">#REF!</definedName>
    <definedName name="職員名" localSheetId="21">#REF!</definedName>
    <definedName name="職員名" localSheetId="20">#REF!</definedName>
    <definedName name="職員名" localSheetId="18">#REF!</definedName>
    <definedName name="職員名" localSheetId="13">#REF!</definedName>
    <definedName name="職員名" localSheetId="19">#REF!</definedName>
    <definedName name="職員名" localSheetId="54">#REF!</definedName>
    <definedName name="職員名" localSheetId="53">#REF!</definedName>
    <definedName name="職員名" localSheetId="52">#REF!</definedName>
    <definedName name="職員名" localSheetId="47">#REF!</definedName>
    <definedName name="職員名" localSheetId="29">#REF!</definedName>
    <definedName name="職員名" localSheetId="27">#REF!</definedName>
    <definedName name="職員名" localSheetId="22">#REF!</definedName>
    <definedName name="職員名" localSheetId="28">#REF!</definedName>
    <definedName name="職員名" localSheetId="37">#REF!</definedName>
    <definedName name="職員名" localSheetId="36">#REF!</definedName>
    <definedName name="職員名" localSheetId="35">#REF!</definedName>
    <definedName name="職員名" localSheetId="30">#REF!</definedName>
    <definedName name="職員名">#REF!</definedName>
    <definedName name="切り分け完了日時" localSheetId="10">#REF!</definedName>
    <definedName name="切り分け完了日時" localSheetId="63">#REF!</definedName>
    <definedName name="切り分け完了日時" localSheetId="62">#REF!</definedName>
    <definedName name="切り分け完了日時" localSheetId="60">#REF!</definedName>
    <definedName name="切り分け完了日時" localSheetId="55">#REF!</definedName>
    <definedName name="切り分け完了日時" localSheetId="61">#REF!</definedName>
    <definedName name="切り分け完了日時" localSheetId="71">#REF!</definedName>
    <definedName name="切り分け完了日時" localSheetId="69">#REF!</definedName>
    <definedName name="切り分け完了日時" localSheetId="64">#REF!</definedName>
    <definedName name="切り分け完了日時" localSheetId="70">#REF!</definedName>
    <definedName name="切り分け完了日時" localSheetId="80">#REF!</definedName>
    <definedName name="切り分け完了日時" localSheetId="79">#REF!</definedName>
    <definedName name="切り分け完了日時" localSheetId="77">#REF!</definedName>
    <definedName name="切り分け完了日時" localSheetId="72">#REF!</definedName>
    <definedName name="切り分け完了日時" localSheetId="78">#REF!</definedName>
    <definedName name="切り分け完了日時" localSheetId="46">#REF!</definedName>
    <definedName name="切り分け完了日時" localSheetId="45">#REF!</definedName>
    <definedName name="切り分け完了日時" localSheetId="43">#REF!</definedName>
    <definedName name="切り分け完了日時" localSheetId="38">#REF!</definedName>
    <definedName name="切り分け完了日時" localSheetId="44">#REF!</definedName>
    <definedName name="切り分け完了日時" localSheetId="21">#REF!</definedName>
    <definedName name="切り分け完了日時" localSheetId="20">#REF!</definedName>
    <definedName name="切り分け完了日時" localSheetId="18">#REF!</definedName>
    <definedName name="切り分け完了日時" localSheetId="13">#REF!</definedName>
    <definedName name="切り分け完了日時" localSheetId="19">#REF!</definedName>
    <definedName name="切り分け完了日時" localSheetId="54">#REF!</definedName>
    <definedName name="切り分け完了日時" localSheetId="53">#REF!</definedName>
    <definedName name="切り分け完了日時" localSheetId="52">#REF!</definedName>
    <definedName name="切り分け完了日時" localSheetId="47">#REF!</definedName>
    <definedName name="切り分け完了日時" localSheetId="29">#REF!</definedName>
    <definedName name="切り分け完了日時" localSheetId="27">#REF!</definedName>
    <definedName name="切り分け完了日時" localSheetId="22">#REF!</definedName>
    <definedName name="切り分け完了日時" localSheetId="28">#REF!</definedName>
    <definedName name="切り分け完了日時" localSheetId="37">#REF!</definedName>
    <definedName name="切り分け完了日時" localSheetId="36">#REF!</definedName>
    <definedName name="切り分け完了日時" localSheetId="35">#REF!</definedName>
    <definedName name="切り分け完了日時" localSheetId="30">#REF!</definedName>
    <definedName name="切り分け完了日時">#REF!</definedName>
    <definedName name="切り分け担当者" localSheetId="10">#REF!</definedName>
    <definedName name="切り分け担当者" localSheetId="63">#REF!</definedName>
    <definedName name="切り分け担当者" localSheetId="62">#REF!</definedName>
    <definedName name="切り分け担当者" localSheetId="60">#REF!</definedName>
    <definedName name="切り分け担当者" localSheetId="55">#REF!</definedName>
    <definedName name="切り分け担当者" localSheetId="61">#REF!</definedName>
    <definedName name="切り分け担当者" localSheetId="71">#REF!</definedName>
    <definedName name="切り分け担当者" localSheetId="69">#REF!</definedName>
    <definedName name="切り分け担当者" localSheetId="64">#REF!</definedName>
    <definedName name="切り分け担当者" localSheetId="70">#REF!</definedName>
    <definedName name="切り分け担当者" localSheetId="80">#REF!</definedName>
    <definedName name="切り分け担当者" localSheetId="79">#REF!</definedName>
    <definedName name="切り分け担当者" localSheetId="77">#REF!</definedName>
    <definedName name="切り分け担当者" localSheetId="72">#REF!</definedName>
    <definedName name="切り分け担当者" localSheetId="78">#REF!</definedName>
    <definedName name="切り分け担当者" localSheetId="46">#REF!</definedName>
    <definedName name="切り分け担当者" localSheetId="45">#REF!</definedName>
    <definedName name="切り分け担当者" localSheetId="43">#REF!</definedName>
    <definedName name="切り分け担当者" localSheetId="38">#REF!</definedName>
    <definedName name="切り分け担当者" localSheetId="44">#REF!</definedName>
    <definedName name="切り分け担当者" localSheetId="21">#REF!</definedName>
    <definedName name="切り分け担当者" localSheetId="20">#REF!</definedName>
    <definedName name="切り分け担当者" localSheetId="18">#REF!</definedName>
    <definedName name="切り分け担当者" localSheetId="13">#REF!</definedName>
    <definedName name="切り分け担当者" localSheetId="19">#REF!</definedName>
    <definedName name="切り分け担当者" localSheetId="54">#REF!</definedName>
    <definedName name="切り分け担当者" localSheetId="53">#REF!</definedName>
    <definedName name="切り分け担当者" localSheetId="52">#REF!</definedName>
    <definedName name="切り分け担当者" localSheetId="47">#REF!</definedName>
    <definedName name="切り分け担当者" localSheetId="29">#REF!</definedName>
    <definedName name="切り分け担当者" localSheetId="27">#REF!</definedName>
    <definedName name="切り分け担当者" localSheetId="22">#REF!</definedName>
    <definedName name="切り分け担当者" localSheetId="28">#REF!</definedName>
    <definedName name="切り分け担当者" localSheetId="37">#REF!</definedName>
    <definedName name="切り分け担当者" localSheetId="36">#REF!</definedName>
    <definedName name="切り分け担当者" localSheetId="35">#REF!</definedName>
    <definedName name="切り分け担当者" localSheetId="30">#REF!</definedName>
    <definedName name="切り分け担当者">#REF!</definedName>
    <definedName name="対応サブシステムコード" localSheetId="10">#REF!</definedName>
    <definedName name="対応サブシステムコード" localSheetId="63">#REF!</definedName>
    <definedName name="対応サブシステムコード" localSheetId="62">#REF!</definedName>
    <definedName name="対応サブシステムコード" localSheetId="60">#REF!</definedName>
    <definedName name="対応サブシステムコード" localSheetId="55">#REF!</definedName>
    <definedName name="対応サブシステムコード" localSheetId="61">#REF!</definedName>
    <definedName name="対応サブシステムコード" localSheetId="71">#REF!</definedName>
    <definedName name="対応サブシステムコード" localSheetId="69">#REF!</definedName>
    <definedName name="対応サブシステムコード" localSheetId="64">#REF!</definedName>
    <definedName name="対応サブシステムコード" localSheetId="70">#REF!</definedName>
    <definedName name="対応サブシステムコード" localSheetId="80">#REF!</definedName>
    <definedName name="対応サブシステムコード" localSheetId="79">#REF!</definedName>
    <definedName name="対応サブシステムコード" localSheetId="77">#REF!</definedName>
    <definedName name="対応サブシステムコード" localSheetId="72">#REF!</definedName>
    <definedName name="対応サブシステムコード" localSheetId="78">#REF!</definedName>
    <definedName name="対応サブシステムコード" localSheetId="46">#REF!</definedName>
    <definedName name="対応サブシステムコード" localSheetId="45">#REF!</definedName>
    <definedName name="対応サブシステムコード" localSheetId="43">#REF!</definedName>
    <definedName name="対応サブシステムコード" localSheetId="38">#REF!</definedName>
    <definedName name="対応サブシステムコード" localSheetId="44">#REF!</definedName>
    <definedName name="対応サブシステムコード" localSheetId="21">#REF!</definedName>
    <definedName name="対応サブシステムコード" localSheetId="20">#REF!</definedName>
    <definedName name="対応サブシステムコード" localSheetId="18">#REF!</definedName>
    <definedName name="対応サブシステムコード" localSheetId="13">#REF!</definedName>
    <definedName name="対応サブシステムコード" localSheetId="19">#REF!</definedName>
    <definedName name="対応サブシステムコード" localSheetId="54">#REF!</definedName>
    <definedName name="対応サブシステムコード" localSheetId="53">#REF!</definedName>
    <definedName name="対応サブシステムコード" localSheetId="52">#REF!</definedName>
    <definedName name="対応サブシステムコード" localSheetId="47">#REF!</definedName>
    <definedName name="対応サブシステムコード" localSheetId="29">#REF!</definedName>
    <definedName name="対応サブシステムコード" localSheetId="27">#REF!</definedName>
    <definedName name="対応サブシステムコード" localSheetId="22">#REF!</definedName>
    <definedName name="対応サブシステムコード" localSheetId="28">#REF!</definedName>
    <definedName name="対応サブシステムコード" localSheetId="37">#REF!</definedName>
    <definedName name="対応サブシステムコード" localSheetId="36">#REF!</definedName>
    <definedName name="対応サブシステムコード" localSheetId="35">#REF!</definedName>
    <definedName name="対応サブシステムコード" localSheetId="30">#REF!</definedName>
    <definedName name="対応サブシステムコード">#REF!</definedName>
    <definedName name="対応サブシステム名" localSheetId="10">#REF!</definedName>
    <definedName name="対応サブシステム名" localSheetId="63">#REF!</definedName>
    <definedName name="対応サブシステム名" localSheetId="62">#REF!</definedName>
    <definedName name="対応サブシステム名" localSheetId="60">#REF!</definedName>
    <definedName name="対応サブシステム名" localSheetId="55">#REF!</definedName>
    <definedName name="対応サブシステム名" localSheetId="61">#REF!</definedName>
    <definedName name="対応サブシステム名" localSheetId="71">#REF!</definedName>
    <definedName name="対応サブシステム名" localSheetId="69">#REF!</definedName>
    <definedName name="対応サブシステム名" localSheetId="64">#REF!</definedName>
    <definedName name="対応サブシステム名" localSheetId="70">#REF!</definedName>
    <definedName name="対応サブシステム名" localSheetId="80">#REF!</definedName>
    <definedName name="対応サブシステム名" localSheetId="79">#REF!</definedName>
    <definedName name="対応サブシステム名" localSheetId="77">#REF!</definedName>
    <definedName name="対応サブシステム名" localSheetId="72">#REF!</definedName>
    <definedName name="対応サブシステム名" localSheetId="78">#REF!</definedName>
    <definedName name="対応サブシステム名" localSheetId="46">#REF!</definedName>
    <definedName name="対応サブシステム名" localSheetId="45">#REF!</definedName>
    <definedName name="対応サブシステム名" localSheetId="43">#REF!</definedName>
    <definedName name="対応サブシステム名" localSheetId="38">#REF!</definedName>
    <definedName name="対応サブシステム名" localSheetId="44">#REF!</definedName>
    <definedName name="対応サブシステム名" localSheetId="21">#REF!</definedName>
    <definedName name="対応サブシステム名" localSheetId="20">#REF!</definedName>
    <definedName name="対応サブシステム名" localSheetId="18">#REF!</definedName>
    <definedName name="対応サブシステム名" localSheetId="13">#REF!</definedName>
    <definedName name="対応サブシステム名" localSheetId="19">#REF!</definedName>
    <definedName name="対応サブシステム名" localSheetId="54">#REF!</definedName>
    <definedName name="対応サブシステム名" localSheetId="53">#REF!</definedName>
    <definedName name="対応サブシステム名" localSheetId="52">#REF!</definedName>
    <definedName name="対応サブシステム名" localSheetId="47">#REF!</definedName>
    <definedName name="対応サブシステム名" localSheetId="29">#REF!</definedName>
    <definedName name="対応サブシステム名" localSheetId="27">#REF!</definedName>
    <definedName name="対応サブシステム名" localSheetId="22">#REF!</definedName>
    <definedName name="対応サブシステム名" localSheetId="28">#REF!</definedName>
    <definedName name="対応サブシステム名" localSheetId="37">#REF!</definedName>
    <definedName name="対応サブシステム名" localSheetId="36">#REF!</definedName>
    <definedName name="対応サブシステム名" localSheetId="35">#REF!</definedName>
    <definedName name="対応サブシステム名" localSheetId="30">#REF!</definedName>
    <definedName name="対応サブシステム名">#REF!</definedName>
    <definedName name="対応システムコード" localSheetId="10">#REF!</definedName>
    <definedName name="対応システムコード" localSheetId="63">#REF!</definedName>
    <definedName name="対応システムコード" localSheetId="62">#REF!</definedName>
    <definedName name="対応システムコード" localSheetId="60">#REF!</definedName>
    <definedName name="対応システムコード" localSheetId="55">#REF!</definedName>
    <definedName name="対応システムコード" localSheetId="61">#REF!</definedName>
    <definedName name="対応システムコード" localSheetId="71">#REF!</definedName>
    <definedName name="対応システムコード" localSheetId="69">#REF!</definedName>
    <definedName name="対応システムコード" localSheetId="64">#REF!</definedName>
    <definedName name="対応システムコード" localSheetId="70">#REF!</definedName>
    <definedName name="対応システムコード" localSheetId="80">#REF!</definedName>
    <definedName name="対応システムコード" localSheetId="79">#REF!</definedName>
    <definedName name="対応システムコード" localSheetId="77">#REF!</definedName>
    <definedName name="対応システムコード" localSheetId="72">#REF!</definedName>
    <definedName name="対応システムコード" localSheetId="78">#REF!</definedName>
    <definedName name="対応システムコード" localSheetId="46">#REF!</definedName>
    <definedName name="対応システムコード" localSheetId="45">#REF!</definedName>
    <definedName name="対応システムコード" localSheetId="43">#REF!</definedName>
    <definedName name="対応システムコード" localSheetId="38">#REF!</definedName>
    <definedName name="対応システムコード" localSheetId="44">#REF!</definedName>
    <definedName name="対応システムコード" localSheetId="21">#REF!</definedName>
    <definedName name="対応システムコード" localSheetId="20">#REF!</definedName>
    <definedName name="対応システムコード" localSheetId="18">#REF!</definedName>
    <definedName name="対応システムコード" localSheetId="13">#REF!</definedName>
    <definedName name="対応システムコード" localSheetId="19">#REF!</definedName>
    <definedName name="対応システムコード" localSheetId="54">#REF!</definedName>
    <definedName name="対応システムコード" localSheetId="53">#REF!</definedName>
    <definedName name="対応システムコード" localSheetId="52">#REF!</definedName>
    <definedName name="対応システムコード" localSheetId="47">#REF!</definedName>
    <definedName name="対応システムコード" localSheetId="29">#REF!</definedName>
    <definedName name="対応システムコード" localSheetId="27">#REF!</definedName>
    <definedName name="対応システムコード" localSheetId="22">#REF!</definedName>
    <definedName name="対応システムコード" localSheetId="28">#REF!</definedName>
    <definedName name="対応システムコード" localSheetId="37">#REF!</definedName>
    <definedName name="対応システムコード" localSheetId="36">#REF!</definedName>
    <definedName name="対応システムコード" localSheetId="35">#REF!</definedName>
    <definedName name="対応システムコード" localSheetId="30">#REF!</definedName>
    <definedName name="対応システムコード">#REF!</definedName>
    <definedName name="対応システム名" localSheetId="10">#REF!</definedName>
    <definedName name="対応システム名" localSheetId="63">#REF!</definedName>
    <definedName name="対応システム名" localSheetId="62">#REF!</definedName>
    <definedName name="対応システム名" localSheetId="60">#REF!</definedName>
    <definedName name="対応システム名" localSheetId="55">#REF!</definedName>
    <definedName name="対応システム名" localSheetId="61">#REF!</definedName>
    <definedName name="対応システム名" localSheetId="71">#REF!</definedName>
    <definedName name="対応システム名" localSheetId="69">#REF!</definedName>
    <definedName name="対応システム名" localSheetId="64">#REF!</definedName>
    <definedName name="対応システム名" localSheetId="70">#REF!</definedName>
    <definedName name="対応システム名" localSheetId="80">#REF!</definedName>
    <definedName name="対応システム名" localSheetId="79">#REF!</definedName>
    <definedName name="対応システム名" localSheetId="77">#REF!</definedName>
    <definedName name="対応システム名" localSheetId="72">#REF!</definedName>
    <definedName name="対応システム名" localSheetId="78">#REF!</definedName>
    <definedName name="対応システム名" localSheetId="46">#REF!</definedName>
    <definedName name="対応システム名" localSheetId="45">#REF!</definedName>
    <definedName name="対応システム名" localSheetId="43">#REF!</definedName>
    <definedName name="対応システム名" localSheetId="38">#REF!</definedName>
    <definedName name="対応システム名" localSheetId="44">#REF!</definedName>
    <definedName name="対応システム名" localSheetId="21">#REF!</definedName>
    <definedName name="対応システム名" localSheetId="20">#REF!</definedName>
    <definedName name="対応システム名" localSheetId="18">#REF!</definedName>
    <definedName name="対応システム名" localSheetId="13">#REF!</definedName>
    <definedName name="対応システム名" localSheetId="19">#REF!</definedName>
    <definedName name="対応システム名" localSheetId="54">#REF!</definedName>
    <definedName name="対応システム名" localSheetId="53">#REF!</definedName>
    <definedName name="対応システム名" localSheetId="52">#REF!</definedName>
    <definedName name="対応システム名" localSheetId="47">#REF!</definedName>
    <definedName name="対応システム名" localSheetId="29">#REF!</definedName>
    <definedName name="対応システム名" localSheetId="27">#REF!</definedName>
    <definedName name="対応システム名" localSheetId="22">#REF!</definedName>
    <definedName name="対応システム名" localSheetId="28">#REF!</definedName>
    <definedName name="対応システム名" localSheetId="37">#REF!</definedName>
    <definedName name="対応システム名" localSheetId="36">#REF!</definedName>
    <definedName name="対応システム名" localSheetId="35">#REF!</definedName>
    <definedName name="対応システム名" localSheetId="30">#REF!</definedName>
    <definedName name="対応システム名">#REF!</definedName>
    <definedName name="対応策" localSheetId="10">#REF!</definedName>
    <definedName name="対応策" localSheetId="63">#REF!</definedName>
    <definedName name="対応策" localSheetId="62">#REF!</definedName>
    <definedName name="対応策" localSheetId="60">#REF!</definedName>
    <definedName name="対応策" localSheetId="55">#REF!</definedName>
    <definedName name="対応策" localSheetId="61">#REF!</definedName>
    <definedName name="対応策" localSheetId="71">#REF!</definedName>
    <definedName name="対応策" localSheetId="69">#REF!</definedName>
    <definedName name="対応策" localSheetId="64">#REF!</definedName>
    <definedName name="対応策" localSheetId="70">#REF!</definedName>
    <definedName name="対応策" localSheetId="80">#REF!</definedName>
    <definedName name="対応策" localSheetId="79">#REF!</definedName>
    <definedName name="対応策" localSheetId="77">#REF!</definedName>
    <definedName name="対応策" localSheetId="72">#REF!</definedName>
    <definedName name="対応策" localSheetId="78">#REF!</definedName>
    <definedName name="対応策" localSheetId="46">#REF!</definedName>
    <definedName name="対応策" localSheetId="45">#REF!</definedName>
    <definedName name="対応策" localSheetId="43">#REF!</definedName>
    <definedName name="対応策" localSheetId="38">#REF!</definedName>
    <definedName name="対応策" localSheetId="44">#REF!</definedName>
    <definedName name="対応策" localSheetId="21">#REF!</definedName>
    <definedName name="対応策" localSheetId="20">#REF!</definedName>
    <definedName name="対応策" localSheetId="18">#REF!</definedName>
    <definedName name="対応策" localSheetId="13">#REF!</definedName>
    <definedName name="対応策" localSheetId="19">#REF!</definedName>
    <definedName name="対応策" localSheetId="54">#REF!</definedName>
    <definedName name="対応策" localSheetId="53">#REF!</definedName>
    <definedName name="対応策" localSheetId="52">#REF!</definedName>
    <definedName name="対応策" localSheetId="47">#REF!</definedName>
    <definedName name="対応策" localSheetId="29">#REF!</definedName>
    <definedName name="対応策" localSheetId="27">#REF!</definedName>
    <definedName name="対応策" localSheetId="22">#REF!</definedName>
    <definedName name="対応策" localSheetId="28">#REF!</definedName>
    <definedName name="対応策" localSheetId="37">#REF!</definedName>
    <definedName name="対応策" localSheetId="36">#REF!</definedName>
    <definedName name="対応策" localSheetId="35">#REF!</definedName>
    <definedName name="対応策" localSheetId="30">#REF!</definedName>
    <definedName name="対応策">#REF!</definedName>
    <definedName name="対応策立案日時" localSheetId="10">#REF!</definedName>
    <definedName name="対応策立案日時" localSheetId="63">#REF!</definedName>
    <definedName name="対応策立案日時" localSheetId="62">#REF!</definedName>
    <definedName name="対応策立案日時" localSheetId="60">#REF!</definedName>
    <definedName name="対応策立案日時" localSheetId="55">#REF!</definedName>
    <definedName name="対応策立案日時" localSheetId="61">#REF!</definedName>
    <definedName name="対応策立案日時" localSheetId="71">#REF!</definedName>
    <definedName name="対応策立案日時" localSheetId="69">#REF!</definedName>
    <definedName name="対応策立案日時" localSheetId="64">#REF!</definedName>
    <definedName name="対応策立案日時" localSheetId="70">#REF!</definedName>
    <definedName name="対応策立案日時" localSheetId="80">#REF!</definedName>
    <definedName name="対応策立案日時" localSheetId="79">#REF!</definedName>
    <definedName name="対応策立案日時" localSheetId="77">#REF!</definedName>
    <definedName name="対応策立案日時" localSheetId="72">#REF!</definedName>
    <definedName name="対応策立案日時" localSheetId="78">#REF!</definedName>
    <definedName name="対応策立案日時" localSheetId="46">#REF!</definedName>
    <definedName name="対応策立案日時" localSheetId="45">#REF!</definedName>
    <definedName name="対応策立案日時" localSheetId="43">#REF!</definedName>
    <definedName name="対応策立案日時" localSheetId="38">#REF!</definedName>
    <definedName name="対応策立案日時" localSheetId="44">#REF!</definedName>
    <definedName name="対応策立案日時" localSheetId="21">#REF!</definedName>
    <definedName name="対応策立案日時" localSheetId="20">#REF!</definedName>
    <definedName name="対応策立案日時" localSheetId="18">#REF!</definedName>
    <definedName name="対応策立案日時" localSheetId="13">#REF!</definedName>
    <definedName name="対応策立案日時" localSheetId="19">#REF!</definedName>
    <definedName name="対応策立案日時" localSheetId="54">#REF!</definedName>
    <definedName name="対応策立案日時" localSheetId="53">#REF!</definedName>
    <definedName name="対応策立案日時" localSheetId="52">#REF!</definedName>
    <definedName name="対応策立案日時" localSheetId="47">#REF!</definedName>
    <definedName name="対応策立案日時" localSheetId="29">#REF!</definedName>
    <definedName name="対応策立案日時" localSheetId="27">#REF!</definedName>
    <definedName name="対応策立案日時" localSheetId="22">#REF!</definedName>
    <definedName name="対応策立案日時" localSheetId="28">#REF!</definedName>
    <definedName name="対応策立案日時" localSheetId="37">#REF!</definedName>
    <definedName name="対応策立案日時" localSheetId="36">#REF!</definedName>
    <definedName name="対応策立案日時" localSheetId="35">#REF!</definedName>
    <definedName name="対応策立案日時" localSheetId="30">#REF!</definedName>
    <definedName name="対応策立案日時">#REF!</definedName>
    <definedName name="対応変更結果" localSheetId="10">#REF!</definedName>
    <definedName name="対応変更結果" localSheetId="63">#REF!</definedName>
    <definedName name="対応変更結果" localSheetId="62">#REF!</definedName>
    <definedName name="対応変更結果" localSheetId="60">#REF!</definedName>
    <definedName name="対応変更結果" localSheetId="55">#REF!</definedName>
    <definedName name="対応変更結果" localSheetId="61">#REF!</definedName>
    <definedName name="対応変更結果" localSheetId="71">#REF!</definedName>
    <definedName name="対応変更結果" localSheetId="69">#REF!</definedName>
    <definedName name="対応変更結果" localSheetId="64">#REF!</definedName>
    <definedName name="対応変更結果" localSheetId="70">#REF!</definedName>
    <definedName name="対応変更結果" localSheetId="80">#REF!</definedName>
    <definedName name="対応変更結果" localSheetId="79">#REF!</definedName>
    <definedName name="対応変更結果" localSheetId="77">#REF!</definedName>
    <definedName name="対応変更結果" localSheetId="72">#REF!</definedName>
    <definedName name="対応変更結果" localSheetId="78">#REF!</definedName>
    <definedName name="対応変更結果" localSheetId="46">#REF!</definedName>
    <definedName name="対応変更結果" localSheetId="45">#REF!</definedName>
    <definedName name="対応変更結果" localSheetId="43">#REF!</definedName>
    <definedName name="対応変更結果" localSheetId="38">#REF!</definedName>
    <definedName name="対応変更結果" localSheetId="44">#REF!</definedName>
    <definedName name="対応変更結果" localSheetId="21">#REF!</definedName>
    <definedName name="対応変更結果" localSheetId="20">#REF!</definedName>
    <definedName name="対応変更結果" localSheetId="18">#REF!</definedName>
    <definedName name="対応変更結果" localSheetId="13">#REF!</definedName>
    <definedName name="対応変更結果" localSheetId="19">#REF!</definedName>
    <definedName name="対応変更結果" localSheetId="54">#REF!</definedName>
    <definedName name="対応変更結果" localSheetId="53">#REF!</definedName>
    <definedName name="対応変更結果" localSheetId="52">#REF!</definedName>
    <definedName name="対応変更結果" localSheetId="47">#REF!</definedName>
    <definedName name="対応変更結果" localSheetId="29">#REF!</definedName>
    <definedName name="対応変更結果" localSheetId="27">#REF!</definedName>
    <definedName name="対応変更結果" localSheetId="22">#REF!</definedName>
    <definedName name="対応変更結果" localSheetId="28">#REF!</definedName>
    <definedName name="対応変更結果" localSheetId="37">#REF!</definedName>
    <definedName name="対応変更結果" localSheetId="36">#REF!</definedName>
    <definedName name="対応変更結果" localSheetId="35">#REF!</definedName>
    <definedName name="対応変更結果" localSheetId="30">#REF!</definedName>
    <definedName name="対応変更結果">#REF!</definedName>
    <definedName name="担当Ope" localSheetId="10">#REF!</definedName>
    <definedName name="担当Ope" localSheetId="63">#REF!</definedName>
    <definedName name="担当Ope" localSheetId="62">#REF!</definedName>
    <definedName name="担当Ope" localSheetId="60">#REF!</definedName>
    <definedName name="担当Ope" localSheetId="55">#REF!</definedName>
    <definedName name="担当Ope" localSheetId="61">#REF!</definedName>
    <definedName name="担当Ope" localSheetId="71">#REF!</definedName>
    <definedName name="担当Ope" localSheetId="69">#REF!</definedName>
    <definedName name="担当Ope" localSheetId="64">#REF!</definedName>
    <definedName name="担当Ope" localSheetId="70">#REF!</definedName>
    <definedName name="担当Ope" localSheetId="80">#REF!</definedName>
    <definedName name="担当Ope" localSheetId="79">#REF!</definedName>
    <definedName name="担当Ope" localSheetId="77">#REF!</definedName>
    <definedName name="担当Ope" localSheetId="72">#REF!</definedName>
    <definedName name="担当Ope" localSheetId="78">#REF!</definedName>
    <definedName name="担当Ope" localSheetId="46">#REF!</definedName>
    <definedName name="担当Ope" localSheetId="45">#REF!</definedName>
    <definedName name="担当Ope" localSheetId="43">#REF!</definedName>
    <definedName name="担当Ope" localSheetId="38">#REF!</definedName>
    <definedName name="担当Ope" localSheetId="44">#REF!</definedName>
    <definedName name="担当Ope" localSheetId="21">#REF!</definedName>
    <definedName name="担当Ope" localSheetId="20">#REF!</definedName>
    <definedName name="担当Ope" localSheetId="18">#REF!</definedName>
    <definedName name="担当Ope" localSheetId="13">#REF!</definedName>
    <definedName name="担当Ope" localSheetId="19">#REF!</definedName>
    <definedName name="担当Ope" localSheetId="54">#REF!</definedName>
    <definedName name="担当Ope" localSheetId="53">#REF!</definedName>
    <definedName name="担当Ope" localSheetId="52">#REF!</definedName>
    <definedName name="担当Ope" localSheetId="47">#REF!</definedName>
    <definedName name="担当Ope" localSheetId="29">#REF!</definedName>
    <definedName name="担当Ope" localSheetId="27">#REF!</definedName>
    <definedName name="担当Ope" localSheetId="22">#REF!</definedName>
    <definedName name="担当Ope" localSheetId="28">#REF!</definedName>
    <definedName name="担当Ope" localSheetId="37">#REF!</definedName>
    <definedName name="担当Ope" localSheetId="36">#REF!</definedName>
    <definedName name="担当Ope" localSheetId="35">#REF!</definedName>
    <definedName name="担当Ope" localSheetId="30">#REF!</definedName>
    <definedName name="担当Ope">#REF!</definedName>
    <definedName name="担当者" localSheetId="10">#REF!</definedName>
    <definedName name="担当者" localSheetId="63">#REF!</definedName>
    <definedName name="担当者" localSheetId="62">#REF!</definedName>
    <definedName name="担当者" localSheetId="60">#REF!</definedName>
    <definedName name="担当者" localSheetId="55">#REF!</definedName>
    <definedName name="担当者" localSheetId="61">#REF!</definedName>
    <definedName name="担当者" localSheetId="71">#REF!</definedName>
    <definedName name="担当者" localSheetId="69">#REF!</definedName>
    <definedName name="担当者" localSheetId="64">#REF!</definedName>
    <definedName name="担当者" localSheetId="70">#REF!</definedName>
    <definedName name="担当者" localSheetId="80">#REF!</definedName>
    <definedName name="担当者" localSheetId="79">#REF!</definedName>
    <definedName name="担当者" localSheetId="77">#REF!</definedName>
    <definedName name="担当者" localSheetId="72">#REF!</definedName>
    <definedName name="担当者" localSheetId="78">#REF!</definedName>
    <definedName name="担当者" localSheetId="46">#REF!</definedName>
    <definedName name="担当者" localSheetId="45">#REF!</definedName>
    <definedName name="担当者" localSheetId="43">#REF!</definedName>
    <definedName name="担当者" localSheetId="38">#REF!</definedName>
    <definedName name="担当者" localSheetId="44">#REF!</definedName>
    <definedName name="担当者" localSheetId="21">#REF!</definedName>
    <definedName name="担当者" localSheetId="20">#REF!</definedName>
    <definedName name="担当者" localSheetId="18">#REF!</definedName>
    <definedName name="担当者" localSheetId="13">#REF!</definedName>
    <definedName name="担当者" localSheetId="19">#REF!</definedName>
    <definedName name="担当者" localSheetId="54">#REF!</definedName>
    <definedName name="担当者" localSheetId="53">#REF!</definedName>
    <definedName name="担当者" localSheetId="52">#REF!</definedName>
    <definedName name="担当者" localSheetId="47">#REF!</definedName>
    <definedName name="担当者" localSheetId="29">#REF!</definedName>
    <definedName name="担当者" localSheetId="27">#REF!</definedName>
    <definedName name="担当者" localSheetId="22">#REF!</definedName>
    <definedName name="担当者" localSheetId="28">#REF!</definedName>
    <definedName name="担当者" localSheetId="37">#REF!</definedName>
    <definedName name="担当者" localSheetId="36">#REF!</definedName>
    <definedName name="担当者" localSheetId="35">#REF!</definedName>
    <definedName name="担当者" localSheetId="30">#REF!</definedName>
    <definedName name="担当者">#REF!</definedName>
    <definedName name="調査結果内容" localSheetId="10">#REF!</definedName>
    <definedName name="調査結果内容" localSheetId="63">#REF!</definedName>
    <definedName name="調査結果内容" localSheetId="62">#REF!</definedName>
    <definedName name="調査結果内容" localSheetId="60">#REF!</definedName>
    <definedName name="調査結果内容" localSheetId="55">#REF!</definedName>
    <definedName name="調査結果内容" localSheetId="61">#REF!</definedName>
    <definedName name="調査結果内容" localSheetId="71">#REF!</definedName>
    <definedName name="調査結果内容" localSheetId="69">#REF!</definedName>
    <definedName name="調査結果内容" localSheetId="64">#REF!</definedName>
    <definedName name="調査結果内容" localSheetId="70">#REF!</definedName>
    <definedName name="調査結果内容" localSheetId="80">#REF!</definedName>
    <definedName name="調査結果内容" localSheetId="79">#REF!</definedName>
    <definedName name="調査結果内容" localSheetId="77">#REF!</definedName>
    <definedName name="調査結果内容" localSheetId="72">#REF!</definedName>
    <definedName name="調査結果内容" localSheetId="78">#REF!</definedName>
    <definedName name="調査結果内容" localSheetId="46">#REF!</definedName>
    <definedName name="調査結果内容" localSheetId="45">#REF!</definedName>
    <definedName name="調査結果内容" localSheetId="43">#REF!</definedName>
    <definedName name="調査結果内容" localSheetId="38">#REF!</definedName>
    <definedName name="調査結果内容" localSheetId="44">#REF!</definedName>
    <definedName name="調査結果内容" localSheetId="21">#REF!</definedName>
    <definedName name="調査結果内容" localSheetId="20">#REF!</definedName>
    <definedName name="調査結果内容" localSheetId="18">#REF!</definedName>
    <definedName name="調査結果内容" localSheetId="13">#REF!</definedName>
    <definedName name="調査結果内容" localSheetId="19">#REF!</definedName>
    <definedName name="調査結果内容" localSheetId="54">#REF!</definedName>
    <definedName name="調査結果内容" localSheetId="53">#REF!</definedName>
    <definedName name="調査結果内容" localSheetId="52">#REF!</definedName>
    <definedName name="調査結果内容" localSheetId="47">#REF!</definedName>
    <definedName name="調査結果内容" localSheetId="29">#REF!</definedName>
    <definedName name="調査結果内容" localSheetId="27">#REF!</definedName>
    <definedName name="調査結果内容" localSheetId="22">#REF!</definedName>
    <definedName name="調査結果内容" localSheetId="28">#REF!</definedName>
    <definedName name="調査結果内容" localSheetId="37">#REF!</definedName>
    <definedName name="調査結果内容" localSheetId="36">#REF!</definedName>
    <definedName name="調査結果内容" localSheetId="35">#REF!</definedName>
    <definedName name="調査結果内容" localSheetId="30">#REF!</definedName>
    <definedName name="調査結果内容">#REF!</definedName>
    <definedName name="調査内容" localSheetId="10">#REF!</definedName>
    <definedName name="調査内容" localSheetId="63">#REF!</definedName>
    <definedName name="調査内容" localSheetId="62">#REF!</definedName>
    <definedName name="調査内容" localSheetId="60">#REF!</definedName>
    <definedName name="調査内容" localSheetId="55">#REF!</definedName>
    <definedName name="調査内容" localSheetId="61">#REF!</definedName>
    <definedName name="調査内容" localSheetId="71">#REF!</definedName>
    <definedName name="調査内容" localSheetId="69">#REF!</definedName>
    <definedName name="調査内容" localSheetId="64">#REF!</definedName>
    <definedName name="調査内容" localSheetId="70">#REF!</definedName>
    <definedName name="調査内容" localSheetId="80">#REF!</definedName>
    <definedName name="調査内容" localSheetId="79">#REF!</definedName>
    <definedName name="調査内容" localSheetId="77">#REF!</definedName>
    <definedName name="調査内容" localSheetId="72">#REF!</definedName>
    <definedName name="調査内容" localSheetId="78">#REF!</definedName>
    <definedName name="調査内容" localSheetId="46">#REF!</definedName>
    <definedName name="調査内容" localSheetId="45">#REF!</definedName>
    <definedName name="調査内容" localSheetId="43">#REF!</definedName>
    <definedName name="調査内容" localSheetId="38">#REF!</definedName>
    <definedName name="調査内容" localSheetId="44">#REF!</definedName>
    <definedName name="調査内容" localSheetId="21">#REF!</definedName>
    <definedName name="調査内容" localSheetId="20">#REF!</definedName>
    <definedName name="調査内容" localSheetId="18">#REF!</definedName>
    <definedName name="調査内容" localSheetId="13">#REF!</definedName>
    <definedName name="調査内容" localSheetId="19">#REF!</definedName>
    <definedName name="調査内容" localSheetId="54">#REF!</definedName>
    <definedName name="調査内容" localSheetId="53">#REF!</definedName>
    <definedName name="調査内容" localSheetId="52">#REF!</definedName>
    <definedName name="調査内容" localSheetId="47">#REF!</definedName>
    <definedName name="調査内容" localSheetId="29">#REF!</definedName>
    <definedName name="調査内容" localSheetId="27">#REF!</definedName>
    <definedName name="調査内容" localSheetId="22">#REF!</definedName>
    <definedName name="調査内容" localSheetId="28">#REF!</definedName>
    <definedName name="調査内容" localSheetId="37">#REF!</definedName>
    <definedName name="調査内容" localSheetId="36">#REF!</definedName>
    <definedName name="調査内容" localSheetId="35">#REF!</definedName>
    <definedName name="調査内容" localSheetId="30">#REF!</definedName>
    <definedName name="調査内容">#REF!</definedName>
    <definedName name="適用日" localSheetId="10">#REF!</definedName>
    <definedName name="適用日" localSheetId="63">#REF!</definedName>
    <definedName name="適用日" localSheetId="62">#REF!</definedName>
    <definedName name="適用日" localSheetId="60">#REF!</definedName>
    <definedName name="適用日" localSheetId="55">#REF!</definedName>
    <definedName name="適用日" localSheetId="61">#REF!</definedName>
    <definedName name="適用日" localSheetId="71">#REF!</definedName>
    <definedName name="適用日" localSheetId="69">#REF!</definedName>
    <definedName name="適用日" localSheetId="64">#REF!</definedName>
    <definedName name="適用日" localSheetId="70">#REF!</definedName>
    <definedName name="適用日" localSheetId="80">#REF!</definedName>
    <definedName name="適用日" localSheetId="79">#REF!</definedName>
    <definedName name="適用日" localSheetId="77">#REF!</definedName>
    <definedName name="適用日" localSheetId="72">#REF!</definedName>
    <definedName name="適用日" localSheetId="78">#REF!</definedName>
    <definedName name="適用日" localSheetId="46">#REF!</definedName>
    <definedName name="適用日" localSheetId="45">#REF!</definedName>
    <definedName name="適用日" localSheetId="43">#REF!</definedName>
    <definedName name="適用日" localSheetId="38">#REF!</definedName>
    <definedName name="適用日" localSheetId="44">#REF!</definedName>
    <definedName name="適用日" localSheetId="21">#REF!</definedName>
    <definedName name="適用日" localSheetId="20">#REF!</definedName>
    <definedName name="適用日" localSheetId="18">#REF!</definedName>
    <definedName name="適用日" localSheetId="13">#REF!</definedName>
    <definedName name="適用日" localSheetId="19">#REF!</definedName>
    <definedName name="適用日" localSheetId="54">#REF!</definedName>
    <definedName name="適用日" localSheetId="53">#REF!</definedName>
    <definedName name="適用日" localSheetId="52">#REF!</definedName>
    <definedName name="適用日" localSheetId="47">#REF!</definedName>
    <definedName name="適用日" localSheetId="29">#REF!</definedName>
    <definedName name="適用日" localSheetId="27">#REF!</definedName>
    <definedName name="適用日" localSheetId="22">#REF!</definedName>
    <definedName name="適用日" localSheetId="28">#REF!</definedName>
    <definedName name="適用日" localSheetId="37">#REF!</definedName>
    <definedName name="適用日" localSheetId="36">#REF!</definedName>
    <definedName name="適用日" localSheetId="35">#REF!</definedName>
    <definedName name="適用日" localSheetId="30">#REF!</definedName>
    <definedName name="適用日">#REF!</definedName>
    <definedName name="電話番号" localSheetId="10">#REF!</definedName>
    <definedName name="電話番号" localSheetId="63">#REF!</definedName>
    <definedName name="電話番号" localSheetId="62">#REF!</definedName>
    <definedName name="電話番号" localSheetId="60">#REF!</definedName>
    <definedName name="電話番号" localSheetId="55">#REF!</definedName>
    <definedName name="電話番号" localSheetId="61">#REF!</definedName>
    <definedName name="電話番号" localSheetId="71">#REF!</definedName>
    <definedName name="電話番号" localSheetId="69">#REF!</definedName>
    <definedName name="電話番号" localSheetId="64">#REF!</definedName>
    <definedName name="電話番号" localSheetId="70">#REF!</definedName>
    <definedName name="電話番号" localSheetId="80">#REF!</definedName>
    <definedName name="電話番号" localSheetId="79">#REF!</definedName>
    <definedName name="電話番号" localSheetId="77">#REF!</definedName>
    <definedName name="電話番号" localSheetId="72">#REF!</definedName>
    <definedName name="電話番号" localSheetId="78">#REF!</definedName>
    <definedName name="電話番号" localSheetId="46">#REF!</definedName>
    <definedName name="電話番号" localSheetId="45">#REF!</definedName>
    <definedName name="電話番号" localSheetId="43">#REF!</definedName>
    <definedName name="電話番号" localSheetId="38">#REF!</definedName>
    <definedName name="電話番号" localSheetId="44">#REF!</definedName>
    <definedName name="電話番号" localSheetId="21">#REF!</definedName>
    <definedName name="電話番号" localSheetId="20">#REF!</definedName>
    <definedName name="電話番号" localSheetId="18">#REF!</definedName>
    <definedName name="電話番号" localSheetId="13">#REF!</definedName>
    <definedName name="電話番号" localSheetId="19">#REF!</definedName>
    <definedName name="電話番号" localSheetId="54">#REF!</definedName>
    <definedName name="電話番号" localSheetId="53">#REF!</definedName>
    <definedName name="電話番号" localSheetId="52">#REF!</definedName>
    <definedName name="電話番号" localSheetId="47">#REF!</definedName>
    <definedName name="電話番号" localSheetId="29">#REF!</definedName>
    <definedName name="電話番号" localSheetId="27">#REF!</definedName>
    <definedName name="電話番号" localSheetId="22">#REF!</definedName>
    <definedName name="電話番号" localSheetId="28">#REF!</definedName>
    <definedName name="電話番号" localSheetId="37">#REF!</definedName>
    <definedName name="電話番号" localSheetId="36">#REF!</definedName>
    <definedName name="電話番号" localSheetId="35">#REF!</definedName>
    <definedName name="電話番号" localSheetId="30">#REF!</definedName>
    <definedName name="電話番号">#REF!</definedName>
    <definedName name="内線" localSheetId="10">#REF!</definedName>
    <definedName name="内線" localSheetId="63">#REF!</definedName>
    <definedName name="内線" localSheetId="62">#REF!</definedName>
    <definedName name="内線" localSheetId="60">#REF!</definedName>
    <definedName name="内線" localSheetId="55">#REF!</definedName>
    <definedName name="内線" localSheetId="61">#REF!</definedName>
    <definedName name="内線" localSheetId="71">#REF!</definedName>
    <definedName name="内線" localSheetId="69">#REF!</definedName>
    <definedName name="内線" localSheetId="64">#REF!</definedName>
    <definedName name="内線" localSheetId="70">#REF!</definedName>
    <definedName name="内線" localSheetId="80">#REF!</definedName>
    <definedName name="内線" localSheetId="79">#REF!</definedName>
    <definedName name="内線" localSheetId="77">#REF!</definedName>
    <definedName name="内線" localSheetId="72">#REF!</definedName>
    <definedName name="内線" localSheetId="78">#REF!</definedName>
    <definedName name="内線" localSheetId="46">#REF!</definedName>
    <definedName name="内線" localSheetId="45">#REF!</definedName>
    <definedName name="内線" localSheetId="43">#REF!</definedName>
    <definedName name="内線" localSheetId="38">#REF!</definedName>
    <definedName name="内線" localSheetId="44">#REF!</definedName>
    <definedName name="内線" localSheetId="21">#REF!</definedName>
    <definedName name="内線" localSheetId="20">#REF!</definedName>
    <definedName name="内線" localSheetId="18">#REF!</definedName>
    <definedName name="内線" localSheetId="13">#REF!</definedName>
    <definedName name="内線" localSheetId="19">#REF!</definedName>
    <definedName name="内線" localSheetId="54">#REF!</definedName>
    <definedName name="内線" localSheetId="53">#REF!</definedName>
    <definedName name="内線" localSheetId="52">#REF!</definedName>
    <definedName name="内線" localSheetId="47">#REF!</definedName>
    <definedName name="内線" localSheetId="29">#REF!</definedName>
    <definedName name="内線" localSheetId="27">#REF!</definedName>
    <definedName name="内線" localSheetId="22">#REF!</definedName>
    <definedName name="内線" localSheetId="28">#REF!</definedName>
    <definedName name="内線" localSheetId="37">#REF!</definedName>
    <definedName name="内線" localSheetId="36">#REF!</definedName>
    <definedName name="内線" localSheetId="35">#REF!</definedName>
    <definedName name="内線" localSheetId="30">#REF!</definedName>
    <definedName name="内線">#REF!</definedName>
    <definedName name="納期設定" localSheetId="10">#REF!</definedName>
    <definedName name="納期設定" localSheetId="63">#REF!</definedName>
    <definedName name="納期設定" localSheetId="62">#REF!</definedName>
    <definedName name="納期設定" localSheetId="60">#REF!</definedName>
    <definedName name="納期設定" localSheetId="55">#REF!</definedName>
    <definedName name="納期設定" localSheetId="61">#REF!</definedName>
    <definedName name="納期設定" localSheetId="71">#REF!</definedName>
    <definedName name="納期設定" localSheetId="69">#REF!</definedName>
    <definedName name="納期設定" localSheetId="64">#REF!</definedName>
    <definedName name="納期設定" localSheetId="70">#REF!</definedName>
    <definedName name="納期設定" localSheetId="80">#REF!</definedName>
    <definedName name="納期設定" localSheetId="79">#REF!</definedName>
    <definedName name="納期設定" localSheetId="77">#REF!</definedName>
    <definedName name="納期設定" localSheetId="72">#REF!</definedName>
    <definedName name="納期設定" localSheetId="78">#REF!</definedName>
    <definedName name="納期設定" localSheetId="46">#REF!</definedName>
    <definedName name="納期設定" localSheetId="45">#REF!</definedName>
    <definedName name="納期設定" localSheetId="43">#REF!</definedName>
    <definedName name="納期設定" localSheetId="38">#REF!</definedName>
    <definedName name="納期設定" localSheetId="44">#REF!</definedName>
    <definedName name="納期設定" localSheetId="21">#REF!</definedName>
    <definedName name="納期設定" localSheetId="20">#REF!</definedName>
    <definedName name="納期設定" localSheetId="18">#REF!</definedName>
    <definedName name="納期設定" localSheetId="13">#REF!</definedName>
    <definedName name="納期設定" localSheetId="19">#REF!</definedName>
    <definedName name="納期設定" localSheetId="54">#REF!</definedName>
    <definedName name="納期設定" localSheetId="53">#REF!</definedName>
    <definedName name="納期設定" localSheetId="52">#REF!</definedName>
    <definedName name="納期設定" localSheetId="47">#REF!</definedName>
    <definedName name="納期設定" localSheetId="29">#REF!</definedName>
    <definedName name="納期設定" localSheetId="27">#REF!</definedName>
    <definedName name="納期設定" localSheetId="22">#REF!</definedName>
    <definedName name="納期設定" localSheetId="28">#REF!</definedName>
    <definedName name="納期設定" localSheetId="37">#REF!</definedName>
    <definedName name="納期設定" localSheetId="36">#REF!</definedName>
    <definedName name="納期設定" localSheetId="35">#REF!</definedName>
    <definedName name="納期設定" localSheetId="30">#REF!</definedName>
    <definedName name="納期設定">#REF!</definedName>
    <definedName name="表示金額単位">'[5]設定シート(概要版)'!$A$22:$A$27</definedName>
    <definedName name="表示金額単位先頭">'[5]設定シート(概要版)'!$A$22</definedName>
    <definedName name="表示金額単位表">'[5]設定シート(概要版)'!$A$22:$C$27</definedName>
    <definedName name="部署" localSheetId="10">#REF!</definedName>
    <definedName name="部署" localSheetId="63">#REF!</definedName>
    <definedName name="部署" localSheetId="62">#REF!</definedName>
    <definedName name="部署" localSheetId="60">#REF!</definedName>
    <definedName name="部署" localSheetId="55">#REF!</definedName>
    <definedName name="部署" localSheetId="61">#REF!</definedName>
    <definedName name="部署" localSheetId="71">#REF!</definedName>
    <definedName name="部署" localSheetId="69">#REF!</definedName>
    <definedName name="部署" localSheetId="64">#REF!</definedName>
    <definedName name="部署" localSheetId="70">#REF!</definedName>
    <definedName name="部署" localSheetId="80">#REF!</definedName>
    <definedName name="部署" localSheetId="79">#REF!</definedName>
    <definedName name="部署" localSheetId="77">#REF!</definedName>
    <definedName name="部署" localSheetId="72">#REF!</definedName>
    <definedName name="部署" localSheetId="78">#REF!</definedName>
    <definedName name="部署" localSheetId="46">#REF!</definedName>
    <definedName name="部署" localSheetId="45">#REF!</definedName>
    <definedName name="部署" localSheetId="43">#REF!</definedName>
    <definedName name="部署" localSheetId="38">#REF!</definedName>
    <definedName name="部署" localSheetId="44">#REF!</definedName>
    <definedName name="部署" localSheetId="21">#REF!</definedName>
    <definedName name="部署" localSheetId="20">#REF!</definedName>
    <definedName name="部署" localSheetId="18">#REF!</definedName>
    <definedName name="部署" localSheetId="13">#REF!</definedName>
    <definedName name="部署" localSheetId="19">#REF!</definedName>
    <definedName name="部署" localSheetId="54">#REF!</definedName>
    <definedName name="部署" localSheetId="53">#REF!</definedName>
    <definedName name="部署" localSheetId="52">#REF!</definedName>
    <definedName name="部署" localSheetId="47">#REF!</definedName>
    <definedName name="部署" localSheetId="29">#REF!</definedName>
    <definedName name="部署" localSheetId="27">#REF!</definedName>
    <definedName name="部署" localSheetId="22">#REF!</definedName>
    <definedName name="部署" localSheetId="28">#REF!</definedName>
    <definedName name="部署" localSheetId="37">#REF!</definedName>
    <definedName name="部署" localSheetId="36">#REF!</definedName>
    <definedName name="部署" localSheetId="35">#REF!</definedName>
    <definedName name="部署" localSheetId="30">#REF!</definedName>
    <definedName name="部署">#REF!</definedName>
    <definedName name="変更環境" localSheetId="10">#REF!</definedName>
    <definedName name="変更環境" localSheetId="63">#REF!</definedName>
    <definedName name="変更環境" localSheetId="62">#REF!</definedName>
    <definedName name="変更環境" localSheetId="60">#REF!</definedName>
    <definedName name="変更環境" localSheetId="55">#REF!</definedName>
    <definedName name="変更環境" localSheetId="61">#REF!</definedName>
    <definedName name="変更環境" localSheetId="71">#REF!</definedName>
    <definedName name="変更環境" localSheetId="69">#REF!</definedName>
    <definedName name="変更環境" localSheetId="64">#REF!</definedName>
    <definedName name="変更環境" localSheetId="70">#REF!</definedName>
    <definedName name="変更環境" localSheetId="80">#REF!</definedName>
    <definedName name="変更環境" localSheetId="79">#REF!</definedName>
    <definedName name="変更環境" localSheetId="77">#REF!</definedName>
    <definedName name="変更環境" localSheetId="72">#REF!</definedName>
    <definedName name="変更環境" localSheetId="78">#REF!</definedName>
    <definedName name="変更環境" localSheetId="46">#REF!</definedName>
    <definedName name="変更環境" localSheetId="45">#REF!</definedName>
    <definedName name="変更環境" localSheetId="43">#REF!</definedName>
    <definedName name="変更環境" localSheetId="38">#REF!</definedName>
    <definedName name="変更環境" localSheetId="44">#REF!</definedName>
    <definedName name="変更環境" localSheetId="21">#REF!</definedName>
    <definedName name="変更環境" localSheetId="20">#REF!</definedName>
    <definedName name="変更環境" localSheetId="18">#REF!</definedName>
    <definedName name="変更環境" localSheetId="13">#REF!</definedName>
    <definedName name="変更環境" localSheetId="19">#REF!</definedName>
    <definedName name="変更環境" localSheetId="54">#REF!</definedName>
    <definedName name="変更環境" localSheetId="53">#REF!</definedName>
    <definedName name="変更環境" localSheetId="52">#REF!</definedName>
    <definedName name="変更環境" localSheetId="47">#REF!</definedName>
    <definedName name="変更環境" localSheetId="29">#REF!</definedName>
    <definedName name="変更環境" localSheetId="27">#REF!</definedName>
    <definedName name="変更環境" localSheetId="22">#REF!</definedName>
    <definedName name="変更環境" localSheetId="28">#REF!</definedName>
    <definedName name="変更環境" localSheetId="37">#REF!</definedName>
    <definedName name="変更環境" localSheetId="36">#REF!</definedName>
    <definedName name="変更環境" localSheetId="35">#REF!</definedName>
    <definedName name="変更環境" localSheetId="30">#REF!</definedName>
    <definedName name="変更環境">#REF!</definedName>
    <definedName name="変更情報変更点" localSheetId="10">#REF!</definedName>
    <definedName name="変更情報変更点" localSheetId="63">#REF!</definedName>
    <definedName name="変更情報変更点" localSheetId="62">#REF!</definedName>
    <definedName name="変更情報変更点" localSheetId="60">#REF!</definedName>
    <definedName name="変更情報変更点" localSheetId="55">#REF!</definedName>
    <definedName name="変更情報変更点" localSheetId="61">#REF!</definedName>
    <definedName name="変更情報変更点" localSheetId="71">#REF!</definedName>
    <definedName name="変更情報変更点" localSheetId="69">#REF!</definedName>
    <definedName name="変更情報変更点" localSheetId="64">#REF!</definedName>
    <definedName name="変更情報変更点" localSheetId="70">#REF!</definedName>
    <definedName name="変更情報変更点" localSheetId="80">#REF!</definedName>
    <definedName name="変更情報変更点" localSheetId="79">#REF!</definedName>
    <definedName name="変更情報変更点" localSheetId="77">#REF!</definedName>
    <definedName name="変更情報変更点" localSheetId="72">#REF!</definedName>
    <definedName name="変更情報変更点" localSheetId="78">#REF!</definedName>
    <definedName name="変更情報変更点" localSheetId="46">#REF!</definedName>
    <definedName name="変更情報変更点" localSheetId="45">#REF!</definedName>
    <definedName name="変更情報変更点" localSheetId="43">#REF!</definedName>
    <definedName name="変更情報変更点" localSheetId="38">#REF!</definedName>
    <definedName name="変更情報変更点" localSheetId="44">#REF!</definedName>
    <definedName name="変更情報変更点" localSheetId="21">#REF!</definedName>
    <definedName name="変更情報変更点" localSheetId="20">#REF!</definedName>
    <definedName name="変更情報変更点" localSheetId="18">#REF!</definedName>
    <definedName name="変更情報変更点" localSheetId="13">#REF!</definedName>
    <definedName name="変更情報変更点" localSheetId="19">#REF!</definedName>
    <definedName name="変更情報変更点" localSheetId="54">#REF!</definedName>
    <definedName name="変更情報変更点" localSheetId="53">#REF!</definedName>
    <definedName name="変更情報変更点" localSheetId="52">#REF!</definedName>
    <definedName name="変更情報変更点" localSheetId="47">#REF!</definedName>
    <definedName name="変更情報変更点" localSheetId="29">#REF!</definedName>
    <definedName name="変更情報変更点" localSheetId="27">#REF!</definedName>
    <definedName name="変更情報変更点" localSheetId="22">#REF!</definedName>
    <definedName name="変更情報変更点" localSheetId="28">#REF!</definedName>
    <definedName name="変更情報変更点" localSheetId="37">#REF!</definedName>
    <definedName name="変更情報変更点" localSheetId="36">#REF!</definedName>
    <definedName name="変更情報変更点" localSheetId="35">#REF!</definedName>
    <definedName name="変更情報変更点" localSheetId="30">#REF!</definedName>
    <definedName name="変更情報変更点">#REF!</definedName>
    <definedName name="変更内容" localSheetId="10">#REF!</definedName>
    <definedName name="変更内容" localSheetId="63">#REF!</definedName>
    <definedName name="変更内容" localSheetId="62">#REF!</definedName>
    <definedName name="変更内容" localSheetId="60">#REF!</definedName>
    <definedName name="変更内容" localSheetId="55">#REF!</definedName>
    <definedName name="変更内容" localSheetId="61">#REF!</definedName>
    <definedName name="変更内容" localSheetId="71">#REF!</definedName>
    <definedName name="変更内容" localSheetId="69">#REF!</definedName>
    <definedName name="変更内容" localSheetId="64">#REF!</definedName>
    <definedName name="変更内容" localSheetId="70">#REF!</definedName>
    <definedName name="変更内容" localSheetId="80">#REF!</definedName>
    <definedName name="変更内容" localSheetId="79">#REF!</definedName>
    <definedName name="変更内容" localSheetId="77">#REF!</definedName>
    <definedName name="変更内容" localSheetId="72">#REF!</definedName>
    <definedName name="変更内容" localSheetId="78">#REF!</definedName>
    <definedName name="変更内容" localSheetId="46">#REF!</definedName>
    <definedName name="変更内容" localSheetId="45">#REF!</definedName>
    <definedName name="変更内容" localSheetId="43">#REF!</definedName>
    <definedName name="変更内容" localSheetId="38">#REF!</definedName>
    <definedName name="変更内容" localSheetId="44">#REF!</definedName>
    <definedName name="変更内容" localSheetId="21">#REF!</definedName>
    <definedName name="変更内容" localSheetId="20">#REF!</definedName>
    <definedName name="変更内容" localSheetId="18">#REF!</definedName>
    <definedName name="変更内容" localSheetId="13">#REF!</definedName>
    <definedName name="変更内容" localSheetId="19">#REF!</definedName>
    <definedName name="変更内容" localSheetId="54">#REF!</definedName>
    <definedName name="変更内容" localSheetId="53">#REF!</definedName>
    <definedName name="変更内容" localSheetId="52">#REF!</definedName>
    <definedName name="変更内容" localSheetId="47">#REF!</definedName>
    <definedName name="変更内容" localSheetId="29">#REF!</definedName>
    <definedName name="変更内容" localSheetId="27">#REF!</definedName>
    <definedName name="変更内容" localSheetId="22">#REF!</definedName>
    <definedName name="変更内容" localSheetId="28">#REF!</definedName>
    <definedName name="変更内容" localSheetId="37">#REF!</definedName>
    <definedName name="変更内容" localSheetId="36">#REF!</definedName>
    <definedName name="変更内容" localSheetId="35">#REF!</definedName>
    <definedName name="変更内容" localSheetId="30">#REF!</definedName>
    <definedName name="変更内容">#REF!</definedName>
    <definedName name="凡例">[6]リスト!$B$2:$B$8</definedName>
    <definedName name="問合せ区分" localSheetId="10">#REF!</definedName>
    <definedName name="問合せ区分" localSheetId="63">#REF!</definedName>
    <definedName name="問合せ区分" localSheetId="62">#REF!</definedName>
    <definedName name="問合せ区分" localSheetId="60">#REF!</definedName>
    <definedName name="問合せ区分" localSheetId="55">#REF!</definedName>
    <definedName name="問合せ区分" localSheetId="61">#REF!</definedName>
    <definedName name="問合せ区分" localSheetId="71">#REF!</definedName>
    <definedName name="問合せ区分" localSheetId="69">#REF!</definedName>
    <definedName name="問合せ区分" localSheetId="64">#REF!</definedName>
    <definedName name="問合せ区分" localSheetId="70">#REF!</definedName>
    <definedName name="問合せ区分" localSheetId="80">#REF!</definedName>
    <definedName name="問合せ区分" localSheetId="79">#REF!</definedName>
    <definedName name="問合せ区分" localSheetId="77">#REF!</definedName>
    <definedName name="問合せ区分" localSheetId="72">#REF!</definedName>
    <definedName name="問合せ区分" localSheetId="78">#REF!</definedName>
    <definedName name="問合せ区分" localSheetId="46">#REF!</definedName>
    <definedName name="問合せ区分" localSheetId="45">#REF!</definedName>
    <definedName name="問合せ区分" localSheetId="43">#REF!</definedName>
    <definedName name="問合せ区分" localSheetId="38">#REF!</definedName>
    <definedName name="問合せ区分" localSheetId="44">#REF!</definedName>
    <definedName name="問合せ区分" localSheetId="21">#REF!</definedName>
    <definedName name="問合せ区分" localSheetId="20">#REF!</definedName>
    <definedName name="問合せ区分" localSheetId="18">#REF!</definedName>
    <definedName name="問合せ区分" localSheetId="13">#REF!</definedName>
    <definedName name="問合せ区分" localSheetId="19">#REF!</definedName>
    <definedName name="問合せ区分" localSheetId="54">#REF!</definedName>
    <definedName name="問合せ区分" localSheetId="53">#REF!</definedName>
    <definedName name="問合せ区分" localSheetId="52">#REF!</definedName>
    <definedName name="問合せ区分" localSheetId="47">#REF!</definedName>
    <definedName name="問合せ区分" localSheetId="29">#REF!</definedName>
    <definedName name="問合せ区分" localSheetId="27">#REF!</definedName>
    <definedName name="問合せ区分" localSheetId="22">#REF!</definedName>
    <definedName name="問合せ区分" localSheetId="28">#REF!</definedName>
    <definedName name="問合せ区分" localSheetId="37">#REF!</definedName>
    <definedName name="問合せ区分" localSheetId="36">#REF!</definedName>
    <definedName name="問合せ区分" localSheetId="35">#REF!</definedName>
    <definedName name="問合せ区分" localSheetId="30">#REF!</definedName>
    <definedName name="問合せ区分">#REF!</definedName>
    <definedName name="有り無し">[6]リスト!$A$2:$A$3</definedName>
    <definedName name="立案担当者" localSheetId="10">#REF!</definedName>
    <definedName name="立案担当者" localSheetId="63">#REF!</definedName>
    <definedName name="立案担当者" localSheetId="62">#REF!</definedName>
    <definedName name="立案担当者" localSheetId="60">#REF!</definedName>
    <definedName name="立案担当者" localSheetId="55">#REF!</definedName>
    <definedName name="立案担当者" localSheetId="61">#REF!</definedName>
    <definedName name="立案担当者" localSheetId="71">#REF!</definedName>
    <definedName name="立案担当者" localSheetId="69">#REF!</definedName>
    <definedName name="立案担当者" localSheetId="64">#REF!</definedName>
    <definedName name="立案担当者" localSheetId="70">#REF!</definedName>
    <definedName name="立案担当者" localSheetId="80">#REF!</definedName>
    <definedName name="立案担当者" localSheetId="79">#REF!</definedName>
    <definedName name="立案担当者" localSheetId="77">#REF!</definedName>
    <definedName name="立案担当者" localSheetId="72">#REF!</definedName>
    <definedName name="立案担当者" localSheetId="78">#REF!</definedName>
    <definedName name="立案担当者" localSheetId="46">#REF!</definedName>
    <definedName name="立案担当者" localSheetId="45">#REF!</definedName>
    <definedName name="立案担当者" localSheetId="43">#REF!</definedName>
    <definedName name="立案担当者" localSheetId="38">#REF!</definedName>
    <definedName name="立案担当者" localSheetId="44">#REF!</definedName>
    <definedName name="立案担当者" localSheetId="21">#REF!</definedName>
    <definedName name="立案担当者" localSheetId="20">#REF!</definedName>
    <definedName name="立案担当者" localSheetId="18">#REF!</definedName>
    <definedName name="立案担当者" localSheetId="13">#REF!</definedName>
    <definedName name="立案担当者" localSheetId="19">#REF!</definedName>
    <definedName name="立案担当者" localSheetId="54">#REF!</definedName>
    <definedName name="立案担当者" localSheetId="53">#REF!</definedName>
    <definedName name="立案担当者" localSheetId="52">#REF!</definedName>
    <definedName name="立案担当者" localSheetId="47">#REF!</definedName>
    <definedName name="立案担当者" localSheetId="29">#REF!</definedName>
    <definedName name="立案担当者" localSheetId="27">#REF!</definedName>
    <definedName name="立案担当者" localSheetId="22">#REF!</definedName>
    <definedName name="立案担当者" localSheetId="28">#REF!</definedName>
    <definedName name="立案担当者" localSheetId="37">#REF!</definedName>
    <definedName name="立案担当者" localSheetId="36">#REF!</definedName>
    <definedName name="立案担当者" localSheetId="35">#REF!</definedName>
    <definedName name="立案担当者" localSheetId="30">#REF!</definedName>
    <definedName name="立案担当者">#REF!</definedName>
    <definedName name="連絡事項" localSheetId="10">#REF!</definedName>
    <definedName name="連絡事項" localSheetId="63">#REF!</definedName>
    <definedName name="連絡事項" localSheetId="62">#REF!</definedName>
    <definedName name="連絡事項" localSheetId="60">#REF!</definedName>
    <definedName name="連絡事項" localSheetId="55">#REF!</definedName>
    <definedName name="連絡事項" localSheetId="61">#REF!</definedName>
    <definedName name="連絡事項" localSheetId="71">#REF!</definedName>
    <definedName name="連絡事項" localSheetId="69">#REF!</definedName>
    <definedName name="連絡事項" localSheetId="64">#REF!</definedName>
    <definedName name="連絡事項" localSheetId="70">#REF!</definedName>
    <definedName name="連絡事項" localSheetId="80">#REF!</definedName>
    <definedName name="連絡事項" localSheetId="79">#REF!</definedName>
    <definedName name="連絡事項" localSheetId="77">#REF!</definedName>
    <definedName name="連絡事項" localSheetId="72">#REF!</definedName>
    <definedName name="連絡事項" localSheetId="78">#REF!</definedName>
    <definedName name="連絡事項" localSheetId="46">#REF!</definedName>
    <definedName name="連絡事項" localSheetId="45">#REF!</definedName>
    <definedName name="連絡事項" localSheetId="43">#REF!</definedName>
    <definedName name="連絡事項" localSheetId="38">#REF!</definedName>
    <definedName name="連絡事項" localSheetId="44">#REF!</definedName>
    <definedName name="連絡事項" localSheetId="21">#REF!</definedName>
    <definedName name="連絡事項" localSheetId="20">#REF!</definedName>
    <definedName name="連絡事項" localSheetId="18">#REF!</definedName>
    <definedName name="連絡事項" localSheetId="13">#REF!</definedName>
    <definedName name="連絡事項" localSheetId="19">#REF!</definedName>
    <definedName name="連絡事項" localSheetId="54">#REF!</definedName>
    <definedName name="連絡事項" localSheetId="53">#REF!</definedName>
    <definedName name="連絡事項" localSheetId="52">#REF!</definedName>
    <definedName name="連絡事項" localSheetId="47">#REF!</definedName>
    <definedName name="連絡事項" localSheetId="29">#REF!</definedName>
    <definedName name="連絡事項" localSheetId="27">#REF!</definedName>
    <definedName name="連絡事項" localSheetId="22">#REF!</definedName>
    <definedName name="連絡事項" localSheetId="28">#REF!</definedName>
    <definedName name="連絡事項" localSheetId="37">#REF!</definedName>
    <definedName name="連絡事項" localSheetId="36">#REF!</definedName>
    <definedName name="連絡事項" localSheetId="35">#REF!</definedName>
    <definedName name="連絡事項" localSheetId="30">#REF!</definedName>
    <definedName name="連絡事項">#REF!</definedName>
  </definedNames>
  <calcPr calcId="162913"/>
</workbook>
</file>

<file path=xl/calcChain.xml><?xml version="1.0" encoding="utf-8"?>
<calcChain xmlns="http://schemas.openxmlformats.org/spreadsheetml/2006/main">
  <c r="L21" i="155" l="1"/>
  <c r="K21" i="155"/>
  <c r="J21" i="155"/>
  <c r="I21" i="155"/>
  <c r="L11" i="154"/>
  <c r="K11" i="154"/>
  <c r="J11" i="154"/>
  <c r="I11" i="154"/>
  <c r="N45" i="20" l="1"/>
  <c r="J45" i="20"/>
  <c r="I45" i="20"/>
  <c r="O45" i="20" l="1"/>
  <c r="N47" i="19" l="1"/>
  <c r="P122" i="20" l="1"/>
  <c r="Q122" i="20" l="1"/>
  <c r="J122" i="20" l="1"/>
  <c r="I122" i="20"/>
  <c r="I42" i="21" l="1"/>
  <c r="L42" i="21" l="1"/>
  <c r="K42" i="21"/>
  <c r="J42" i="21"/>
  <c r="M11" i="20" l="1"/>
  <c r="L11" i="20"/>
  <c r="K11" i="20"/>
</calcChain>
</file>

<file path=xl/sharedStrings.xml><?xml version="1.0" encoding="utf-8"?>
<sst xmlns="http://schemas.openxmlformats.org/spreadsheetml/2006/main" count="3346" uniqueCount="552">
  <si>
    <t/>
  </si>
  <si>
    <t>区分</t>
  </si>
  <si>
    <t>資産の部</t>
  </si>
  <si>
    <t>流動資産</t>
  </si>
  <si>
    <t>現金預金</t>
  </si>
  <si>
    <t>歳計現金</t>
  </si>
  <si>
    <t>歳入歳出外現金</t>
  </si>
  <si>
    <t>未収金</t>
  </si>
  <si>
    <t>貸倒引当金</t>
  </si>
  <si>
    <t>基金</t>
  </si>
  <si>
    <t>財政調整基金</t>
  </si>
  <si>
    <t>公債償還基金</t>
  </si>
  <si>
    <t>短期貸付金</t>
  </si>
  <si>
    <t>その他流動資産</t>
  </si>
  <si>
    <t>固定資産</t>
  </si>
  <si>
    <t>事業用資産</t>
  </si>
  <si>
    <t>有形事業用固定資産</t>
  </si>
  <si>
    <t>土地</t>
  </si>
  <si>
    <t>建物</t>
  </si>
  <si>
    <t>工作物</t>
  </si>
  <si>
    <t>立木竹</t>
  </si>
  <si>
    <t>船舶</t>
  </si>
  <si>
    <t>浮標等</t>
  </si>
  <si>
    <t>航空機</t>
  </si>
  <si>
    <t>無形事業用固定資産</t>
  </si>
  <si>
    <t>地上権等</t>
  </si>
  <si>
    <t>特許権等</t>
  </si>
  <si>
    <t>インフラ資産</t>
  </si>
  <si>
    <t>有形インフラ固定資産</t>
  </si>
  <si>
    <t>無形インフラ固定資産</t>
  </si>
  <si>
    <t>重要物品</t>
  </si>
  <si>
    <t>リース資産</t>
  </si>
  <si>
    <t>ソフトウェア</t>
  </si>
  <si>
    <t>建設仮勘定</t>
  </si>
  <si>
    <t>出資金</t>
  </si>
  <si>
    <t>有価証券</t>
  </si>
  <si>
    <t>出資による権利</t>
  </si>
  <si>
    <t>公営企業会計出資金</t>
  </si>
  <si>
    <t>信託受益権</t>
  </si>
  <si>
    <t>その他基金</t>
  </si>
  <si>
    <t>長期貸付金</t>
  </si>
  <si>
    <t>その他債権</t>
  </si>
  <si>
    <t>負債の部</t>
  </si>
  <si>
    <t>流動負債</t>
  </si>
  <si>
    <t>地方債</t>
  </si>
  <si>
    <t>短期借入金</t>
  </si>
  <si>
    <t>他会計借入金</t>
  </si>
  <si>
    <t>その他短期借入金</t>
  </si>
  <si>
    <t>賞与引当金</t>
  </si>
  <si>
    <t>未払金</t>
  </si>
  <si>
    <t>還付未済金</t>
  </si>
  <si>
    <t>リース債務</t>
  </si>
  <si>
    <t>その他流動負債</t>
  </si>
  <si>
    <t>固定負債</t>
  </si>
  <si>
    <t>長期借入金</t>
  </si>
  <si>
    <t>その他長期借入金</t>
  </si>
  <si>
    <t>退職手当引当金</t>
  </si>
  <si>
    <t>損失補償等引当金</t>
  </si>
  <si>
    <t>長期未払金</t>
  </si>
  <si>
    <t>その他固定負債</t>
  </si>
  <si>
    <t>負債の部合計</t>
  </si>
  <si>
    <t>純資産の部</t>
  </si>
  <si>
    <t>累積余剰</t>
  </si>
  <si>
    <t>評価・換算差額等</t>
  </si>
  <si>
    <t>その他有価証券評価差額金</t>
  </si>
  <si>
    <t>資産の部合計</t>
  </si>
  <si>
    <t>純資産の部合計</t>
  </si>
  <si>
    <t>負債及び純資産の部合計</t>
  </si>
  <si>
    <t>経常収益</t>
  </si>
  <si>
    <t>市税</t>
  </si>
  <si>
    <t>地方譲与税</t>
  </si>
  <si>
    <t>交付金</t>
  </si>
  <si>
    <t>地方特例交付金</t>
  </si>
  <si>
    <t>地方交付税</t>
  </si>
  <si>
    <t>保険料</t>
  </si>
  <si>
    <t>分担金及び負担金</t>
  </si>
  <si>
    <t>使用料及び手数料</t>
  </si>
  <si>
    <t>国・府支出金</t>
  </si>
  <si>
    <t>他会計からの繰入金</t>
  </si>
  <si>
    <t>一般会計からの繰入金</t>
  </si>
  <si>
    <t>特別会計からの繰入金</t>
  </si>
  <si>
    <t>公営企業からの繰入金</t>
  </si>
  <si>
    <t>棚卸資産売却収入</t>
  </si>
  <si>
    <t>受取利息及び配当金</t>
  </si>
  <si>
    <t>その他経常収益</t>
  </si>
  <si>
    <t>経常費用</t>
  </si>
  <si>
    <t>給与関係費</t>
  </si>
  <si>
    <t>賞与引当金繰入額</t>
  </si>
  <si>
    <t>退職手当引当金繰入額</t>
  </si>
  <si>
    <t>物件費</t>
  </si>
  <si>
    <t>維持補修費</t>
  </si>
  <si>
    <t>減価償却費</t>
  </si>
  <si>
    <t>支払利息及び手数料</t>
  </si>
  <si>
    <t>貸倒損失</t>
  </si>
  <si>
    <t>貸倒引当金繰入額</t>
  </si>
  <si>
    <t>損失補償等引当金繰入額</t>
  </si>
  <si>
    <t>棚卸資産売却原価</t>
  </si>
  <si>
    <t>扶助費</t>
  </si>
  <si>
    <t>負担金・補助金・交付金等</t>
  </si>
  <si>
    <t>他会計への繰出金</t>
  </si>
  <si>
    <t>一般会計への繰出金</t>
  </si>
  <si>
    <t>特別会計への繰出金</t>
  </si>
  <si>
    <t>公営企業への繰出金</t>
  </si>
  <si>
    <t>その他経常費用</t>
  </si>
  <si>
    <t>経常収支差額</t>
  </si>
  <si>
    <t>特別利益</t>
  </si>
  <si>
    <t>資産売却益</t>
  </si>
  <si>
    <t>資産受贈益</t>
  </si>
  <si>
    <t>事業再編等に伴う移転損益</t>
  </si>
  <si>
    <t>その他特別利益</t>
  </si>
  <si>
    <t>特別損失</t>
  </si>
  <si>
    <t>資産除売却損</t>
  </si>
  <si>
    <t>災害による損失</t>
  </si>
  <si>
    <t>出資金評価損</t>
  </si>
  <si>
    <t>その他特別損失</t>
  </si>
  <si>
    <t>特別収支差額</t>
  </si>
  <si>
    <t>当年度収支差額</t>
  </si>
  <si>
    <t>行政サービス活動</t>
  </si>
  <si>
    <t>行政サービス活動収入</t>
  </si>
  <si>
    <t>市税収入</t>
  </si>
  <si>
    <t>地方譲与税収入</t>
  </si>
  <si>
    <t>交付金収入</t>
  </si>
  <si>
    <t>地方特例交付金収入</t>
  </si>
  <si>
    <t>地方交付税収入</t>
  </si>
  <si>
    <t>保険料収入</t>
  </si>
  <si>
    <t>分担金及び負担金収入</t>
  </si>
  <si>
    <t>使用料及び手数料収入</t>
  </si>
  <si>
    <t>国・府支出金収入</t>
  </si>
  <si>
    <t>他会計からの繰入金収入</t>
  </si>
  <si>
    <t>一般会計からの繰入金収入</t>
  </si>
  <si>
    <t>特別会計からの繰入金収入</t>
  </si>
  <si>
    <t>公営企業会計からの繰入金収入</t>
  </si>
  <si>
    <t>受取利息及び配当金収入</t>
  </si>
  <si>
    <t>その他行政収入</t>
  </si>
  <si>
    <t>行政サービス活動支出</t>
  </si>
  <si>
    <t>給与関係費支出</t>
  </si>
  <si>
    <t>物件費支出</t>
  </si>
  <si>
    <t>維持補修費支出</t>
  </si>
  <si>
    <t>支払利息及び手数料支出</t>
  </si>
  <si>
    <t>扶助費支出</t>
  </si>
  <si>
    <t>負担金・補助金・交付金等支出</t>
  </si>
  <si>
    <t>他会計への繰出金支出</t>
  </si>
  <si>
    <t>一般会計への繰出金支出</t>
  </si>
  <si>
    <t>特別会計への繰出金支出</t>
  </si>
  <si>
    <t>公営企業会計への繰出金支出</t>
  </si>
  <si>
    <t>その他行政支出</t>
  </si>
  <si>
    <t>行政サービス活動収支差額</t>
  </si>
  <si>
    <t>投資活動</t>
  </si>
  <si>
    <t>投資活動収入</t>
  </si>
  <si>
    <t>資産売却収入</t>
  </si>
  <si>
    <t>基金繰入金（取崩額）</t>
  </si>
  <si>
    <t>財政調整基金（取崩額）</t>
  </si>
  <si>
    <t>その他の基金（取崩額）</t>
  </si>
  <si>
    <t>貸付金回収元金収入</t>
  </si>
  <si>
    <t>保証金等返還収入</t>
  </si>
  <si>
    <t>その他投資活動収入</t>
  </si>
  <si>
    <t>投資活動支出</t>
  </si>
  <si>
    <t>固定資産取得支出</t>
  </si>
  <si>
    <t>基金積立金</t>
  </si>
  <si>
    <t>財政調整基金積立金</t>
  </si>
  <si>
    <t>その他の基金積立金</t>
  </si>
  <si>
    <t>出資金支出</t>
  </si>
  <si>
    <t>貸付金支出</t>
  </si>
  <si>
    <t>保証金等支出</t>
  </si>
  <si>
    <t>投資活動収支差額</t>
  </si>
  <si>
    <t>財務活動</t>
  </si>
  <si>
    <t>財務活動収入</t>
  </si>
  <si>
    <t>地方債収入</t>
  </si>
  <si>
    <t>借入金収入</t>
  </si>
  <si>
    <t>その他財務活動収入</t>
  </si>
  <si>
    <t>財務活動支出</t>
  </si>
  <si>
    <t>地方債償還金支出</t>
  </si>
  <si>
    <t>借入金償還金支出</t>
  </si>
  <si>
    <t>リース債務償還金支出</t>
  </si>
  <si>
    <t>その他財務活動支出</t>
  </si>
  <si>
    <t>財務活動収支差額</t>
  </si>
  <si>
    <t>当年度現金預金増減額</t>
  </si>
  <si>
    <t>前年度末現金預金残高</t>
  </si>
  <si>
    <t>当年度末現金預金残高</t>
  </si>
  <si>
    <t>大 阪 市 会 計 別 財 務 諸 表</t>
    <rPh sb="0" eb="1">
      <t>ダイ</t>
    </rPh>
    <rPh sb="2" eb="3">
      <t>サカ</t>
    </rPh>
    <rPh sb="4" eb="5">
      <t>シ</t>
    </rPh>
    <rPh sb="6" eb="7">
      <t>カイ</t>
    </rPh>
    <rPh sb="8" eb="9">
      <t>ケイ</t>
    </rPh>
    <rPh sb="10" eb="11">
      <t>ベツ</t>
    </rPh>
    <rPh sb="12" eb="13">
      <t>ザイ</t>
    </rPh>
    <rPh sb="14" eb="15">
      <t>ツトム</t>
    </rPh>
    <rPh sb="16" eb="17">
      <t>ショ</t>
    </rPh>
    <rPh sb="18" eb="19">
      <t>ヒョウ</t>
    </rPh>
    <phoneticPr fontId="9"/>
  </si>
  <si>
    <t>大阪市駐車場事業会計</t>
    <rPh sb="0" eb="3">
      <t>オオサカシ</t>
    </rPh>
    <rPh sb="3" eb="6">
      <t>チュウシャジョウ</t>
    </rPh>
    <rPh sb="6" eb="8">
      <t>ジギョウ</t>
    </rPh>
    <rPh sb="8" eb="10">
      <t>カイケイ</t>
    </rPh>
    <phoneticPr fontId="9"/>
  </si>
  <si>
    <t>大阪市国民健康保険事業会計</t>
    <rPh sb="0" eb="3">
      <t>オオサカシ</t>
    </rPh>
    <rPh sb="3" eb="5">
      <t>コクミン</t>
    </rPh>
    <rPh sb="5" eb="7">
      <t>ケンコウ</t>
    </rPh>
    <rPh sb="7" eb="9">
      <t>ホケン</t>
    </rPh>
    <rPh sb="9" eb="11">
      <t>ジギョウ</t>
    </rPh>
    <rPh sb="11" eb="13">
      <t>カイケイ</t>
    </rPh>
    <phoneticPr fontId="9"/>
  </si>
  <si>
    <t>大阪市介護保険事業会計</t>
    <rPh sb="0" eb="3">
      <t>オオサカシ</t>
    </rPh>
    <rPh sb="3" eb="5">
      <t>カイゴ</t>
    </rPh>
    <rPh sb="5" eb="7">
      <t>ホケン</t>
    </rPh>
    <rPh sb="7" eb="9">
      <t>ジギョウ</t>
    </rPh>
    <rPh sb="9" eb="11">
      <t>カイケイ</t>
    </rPh>
    <phoneticPr fontId="9"/>
  </si>
  <si>
    <t>財 務 諸 表</t>
    <rPh sb="0" eb="1">
      <t>ザイ</t>
    </rPh>
    <rPh sb="2" eb="3">
      <t>ツトム</t>
    </rPh>
    <rPh sb="4" eb="5">
      <t>ショ</t>
    </rPh>
    <rPh sb="6" eb="7">
      <t>ヒョウ</t>
    </rPh>
    <phoneticPr fontId="9"/>
  </si>
  <si>
    <t>大阪市一般会計</t>
    <rPh sb="0" eb="2">
      <t>オオサカ</t>
    </rPh>
    <rPh sb="2" eb="3">
      <t>シ</t>
    </rPh>
    <rPh sb="3" eb="5">
      <t>イッパン</t>
    </rPh>
    <rPh sb="5" eb="7">
      <t>カイケイ</t>
    </rPh>
    <phoneticPr fontId="9"/>
  </si>
  <si>
    <t>一般会計</t>
    <rPh sb="0" eb="2">
      <t>イッパン</t>
    </rPh>
    <rPh sb="2" eb="4">
      <t>カイケイ</t>
    </rPh>
    <phoneticPr fontId="11"/>
  </si>
  <si>
    <t>貸借対照表</t>
    <rPh sb="0" eb="2">
      <t>タイシャク</t>
    </rPh>
    <rPh sb="2" eb="5">
      <t>タイショウヒョウ</t>
    </rPh>
    <phoneticPr fontId="11"/>
  </si>
  <si>
    <t>キャッシュ・フロー計算書</t>
    <rPh sb="9" eb="12">
      <t>ケイサンショ</t>
    </rPh>
    <phoneticPr fontId="11"/>
  </si>
  <si>
    <t>行政コスト計算書</t>
    <rPh sb="0" eb="2">
      <t>ギョウセイ</t>
    </rPh>
    <rPh sb="5" eb="8">
      <t>ケイサンショ</t>
    </rPh>
    <phoneticPr fontId="11"/>
  </si>
  <si>
    <t>純資産変動計算書</t>
    <rPh sb="0" eb="3">
      <t>ジュンシサン</t>
    </rPh>
    <rPh sb="3" eb="5">
      <t>ヘンドウ</t>
    </rPh>
    <rPh sb="5" eb="8">
      <t>ケイサンショ</t>
    </rPh>
    <phoneticPr fontId="11"/>
  </si>
  <si>
    <t>食肉市場事業会計</t>
    <rPh sb="0" eb="2">
      <t>ショクニク</t>
    </rPh>
    <rPh sb="2" eb="4">
      <t>シジョウ</t>
    </rPh>
    <rPh sb="4" eb="6">
      <t>ジギョウ</t>
    </rPh>
    <rPh sb="6" eb="8">
      <t>カイケイ</t>
    </rPh>
    <phoneticPr fontId="11"/>
  </si>
  <si>
    <t>大阪市食肉市場事業会計</t>
    <rPh sb="0" eb="3">
      <t>オオサカシ</t>
    </rPh>
    <rPh sb="3" eb="5">
      <t>ショクニク</t>
    </rPh>
    <rPh sb="5" eb="7">
      <t>シジョウ</t>
    </rPh>
    <rPh sb="7" eb="9">
      <t>ジギョウ</t>
    </rPh>
    <rPh sb="9" eb="11">
      <t>カイケイ</t>
    </rPh>
    <phoneticPr fontId="9"/>
  </si>
  <si>
    <t>頁</t>
    <rPh sb="0" eb="1">
      <t>ページ</t>
    </rPh>
    <phoneticPr fontId="11"/>
  </si>
  <si>
    <t>・・・・・・・・・・・・・・</t>
    <phoneticPr fontId="11"/>
  </si>
  <si>
    <t>駐車場事業会計</t>
    <rPh sb="0" eb="3">
      <t>チュウシャジョウ</t>
    </rPh>
    <rPh sb="3" eb="5">
      <t>ジギョウ</t>
    </rPh>
    <rPh sb="5" eb="7">
      <t>カイケイ</t>
    </rPh>
    <phoneticPr fontId="11"/>
  </si>
  <si>
    <t>国民健康保険事業会計</t>
    <rPh sb="0" eb="2">
      <t>コクミン</t>
    </rPh>
    <rPh sb="2" eb="4">
      <t>ケンコウ</t>
    </rPh>
    <rPh sb="4" eb="6">
      <t>ホケン</t>
    </rPh>
    <rPh sb="6" eb="8">
      <t>ジギョウ</t>
    </rPh>
    <rPh sb="8" eb="10">
      <t>カイケイ</t>
    </rPh>
    <phoneticPr fontId="11"/>
  </si>
  <si>
    <t>心身障害者扶養共済事業会計</t>
    <rPh sb="0" eb="2">
      <t>シンシン</t>
    </rPh>
    <rPh sb="2" eb="5">
      <t>ショウガイシャ</t>
    </rPh>
    <rPh sb="5" eb="7">
      <t>フヨウ</t>
    </rPh>
    <rPh sb="7" eb="9">
      <t>キョウサイ</t>
    </rPh>
    <rPh sb="9" eb="11">
      <t>ジギョウ</t>
    </rPh>
    <rPh sb="11" eb="13">
      <t>カイケイ</t>
    </rPh>
    <phoneticPr fontId="11"/>
  </si>
  <si>
    <t>大阪市会計別財務諸表　目次</t>
    <rPh sb="0" eb="3">
      <t>オオサカシ</t>
    </rPh>
    <rPh sb="3" eb="5">
      <t>カイケイ</t>
    </rPh>
    <rPh sb="5" eb="6">
      <t>ベツ</t>
    </rPh>
    <rPh sb="6" eb="8">
      <t>ザイム</t>
    </rPh>
    <rPh sb="8" eb="10">
      <t>ショヒョウ</t>
    </rPh>
    <rPh sb="11" eb="12">
      <t>メ</t>
    </rPh>
    <rPh sb="12" eb="13">
      <t>ツギ</t>
    </rPh>
    <phoneticPr fontId="11"/>
  </si>
  <si>
    <t>介護保険事業会計</t>
    <rPh sb="0" eb="2">
      <t>カイゴ</t>
    </rPh>
    <rPh sb="2" eb="4">
      <t>ホケン</t>
    </rPh>
    <rPh sb="4" eb="6">
      <t>ジギョウ</t>
    </rPh>
    <rPh sb="6" eb="8">
      <t>カイケイ</t>
    </rPh>
    <phoneticPr fontId="11"/>
  </si>
  <si>
    <t>後期高齢者医療事業会計</t>
    <rPh sb="0" eb="2">
      <t>コウキ</t>
    </rPh>
    <rPh sb="2" eb="4">
      <t>コウレイ</t>
    </rPh>
    <rPh sb="4" eb="5">
      <t>シャ</t>
    </rPh>
    <rPh sb="5" eb="7">
      <t>イリョウ</t>
    </rPh>
    <rPh sb="7" eb="9">
      <t>ジギョウ</t>
    </rPh>
    <rPh sb="9" eb="11">
      <t>カイケイ</t>
    </rPh>
    <phoneticPr fontId="11"/>
  </si>
  <si>
    <t>公債費会計</t>
    <rPh sb="0" eb="2">
      <t>コウサイ</t>
    </rPh>
    <rPh sb="2" eb="3">
      <t>ヒ</t>
    </rPh>
    <rPh sb="3" eb="5">
      <t>カイケイ</t>
    </rPh>
    <phoneticPr fontId="11"/>
  </si>
  <si>
    <t>母子父子寡婦福祉貸付資金会計</t>
    <rPh sb="0" eb="2">
      <t>ボシ</t>
    </rPh>
    <rPh sb="2" eb="4">
      <t>フシ</t>
    </rPh>
    <rPh sb="4" eb="6">
      <t>カフ</t>
    </rPh>
    <rPh sb="6" eb="8">
      <t>フクシ</t>
    </rPh>
    <rPh sb="8" eb="10">
      <t>カシツケ</t>
    </rPh>
    <rPh sb="10" eb="12">
      <t>シキン</t>
    </rPh>
    <rPh sb="12" eb="14">
      <t>カイケイ</t>
    </rPh>
    <phoneticPr fontId="11"/>
  </si>
  <si>
    <t>（単位：円）</t>
    <phoneticPr fontId="7"/>
  </si>
  <si>
    <t>区分</t>
    <phoneticPr fontId="7"/>
  </si>
  <si>
    <t>前年度末残高</t>
    <rPh sb="0" eb="3">
      <t>ゼンネンド</t>
    </rPh>
    <rPh sb="3" eb="4">
      <t>マツ</t>
    </rPh>
    <rPh sb="4" eb="6">
      <t>ザンダカ</t>
    </rPh>
    <phoneticPr fontId="7"/>
  </si>
  <si>
    <t>当年度増加額</t>
    <rPh sb="0" eb="1">
      <t>トウ</t>
    </rPh>
    <rPh sb="1" eb="3">
      <t>ネンド</t>
    </rPh>
    <rPh sb="3" eb="5">
      <t>ゾウカ</t>
    </rPh>
    <rPh sb="5" eb="6">
      <t>ガク</t>
    </rPh>
    <phoneticPr fontId="7"/>
  </si>
  <si>
    <t>当年度減少額</t>
    <rPh sb="0" eb="1">
      <t>トウ</t>
    </rPh>
    <rPh sb="1" eb="3">
      <t>ネンド</t>
    </rPh>
    <rPh sb="3" eb="5">
      <t>ゲンショウ</t>
    </rPh>
    <rPh sb="5" eb="6">
      <t>ガク</t>
    </rPh>
    <phoneticPr fontId="7"/>
  </si>
  <si>
    <t>当年度末残高</t>
    <rPh sb="3" eb="4">
      <t>マツ</t>
    </rPh>
    <rPh sb="4" eb="6">
      <t>ザンダカ</t>
    </rPh>
    <phoneticPr fontId="7"/>
  </si>
  <si>
    <t>当年度末減価償却累計額</t>
    <rPh sb="3" eb="4">
      <t>マツ</t>
    </rPh>
    <rPh sb="4" eb="6">
      <t>ゲンカ</t>
    </rPh>
    <rPh sb="6" eb="8">
      <t>ショウキャク</t>
    </rPh>
    <rPh sb="8" eb="10">
      <t>ルイケイ</t>
    </rPh>
    <rPh sb="10" eb="11">
      <t>ガク</t>
    </rPh>
    <phoneticPr fontId="7"/>
  </si>
  <si>
    <t>当年度償却額</t>
    <phoneticPr fontId="7"/>
  </si>
  <si>
    <t>差引当年度末残高</t>
    <rPh sb="0" eb="2">
      <t>サシヒキ</t>
    </rPh>
    <rPh sb="5" eb="6">
      <t>マツ</t>
    </rPh>
    <rPh sb="6" eb="8">
      <t>ザンダカ</t>
    </rPh>
    <phoneticPr fontId="7"/>
  </si>
  <si>
    <t>①</t>
    <phoneticPr fontId="7"/>
  </si>
  <si>
    <t>②</t>
    <phoneticPr fontId="7"/>
  </si>
  <si>
    <t>③</t>
    <phoneticPr fontId="7"/>
  </si>
  <si>
    <t>④＝①＋②－③</t>
    <phoneticPr fontId="7"/>
  </si>
  <si>
    <t>⑤</t>
    <phoneticPr fontId="7"/>
  </si>
  <si>
    <t>⑥</t>
    <phoneticPr fontId="7"/>
  </si>
  <si>
    <t>④－⑤</t>
    <phoneticPr fontId="7"/>
  </si>
  <si>
    <t>合　　　　計</t>
    <phoneticPr fontId="7"/>
  </si>
  <si>
    <t>（単位：円）</t>
    <rPh sb="4" eb="5">
      <t>エン</t>
    </rPh>
    <phoneticPr fontId="24"/>
  </si>
  <si>
    <t>種類</t>
    <rPh sb="0" eb="2">
      <t>シュルイ</t>
    </rPh>
    <phoneticPr fontId="7"/>
  </si>
  <si>
    <t>現金預金</t>
    <rPh sb="0" eb="2">
      <t>ゲンキン</t>
    </rPh>
    <rPh sb="2" eb="4">
      <t>ヨキン</t>
    </rPh>
    <phoneticPr fontId="24"/>
  </si>
  <si>
    <t>有価証券</t>
    <rPh sb="0" eb="2">
      <t>ユウカ</t>
    </rPh>
    <rPh sb="2" eb="4">
      <t>ショウケン</t>
    </rPh>
    <phoneticPr fontId="7"/>
  </si>
  <si>
    <t>土地</t>
    <rPh sb="0" eb="2">
      <t>トチ</t>
    </rPh>
    <phoneticPr fontId="7"/>
  </si>
  <si>
    <t>その他</t>
    <rPh sb="2" eb="3">
      <t>タ</t>
    </rPh>
    <phoneticPr fontId="7"/>
  </si>
  <si>
    <t>貸倒引当金計上額等</t>
    <rPh sb="0" eb="2">
      <t>カシダオレ</t>
    </rPh>
    <rPh sb="2" eb="4">
      <t>ヒキアテ</t>
    </rPh>
    <rPh sb="4" eb="5">
      <t>キン</t>
    </rPh>
    <rPh sb="5" eb="7">
      <t>ケイジョウ</t>
    </rPh>
    <rPh sb="7" eb="8">
      <t>ガク</t>
    </rPh>
    <rPh sb="8" eb="9">
      <t>トウ</t>
    </rPh>
    <phoneticPr fontId="7"/>
  </si>
  <si>
    <t>合計</t>
    <rPh sb="0" eb="2">
      <t>ゴウケイ</t>
    </rPh>
    <phoneticPr fontId="7"/>
  </si>
  <si>
    <t>社会福祉施設職員福利厚生基金</t>
  </si>
  <si>
    <t>土地区画整理事業基金</t>
  </si>
  <si>
    <t>訴訟関係供託基金</t>
  </si>
  <si>
    <t>建物移転運用基金</t>
  </si>
  <si>
    <t>大阪市立学校維持運営基金</t>
  </si>
  <si>
    <t>合　　　　計</t>
    <rPh sb="0" eb="1">
      <t>ア</t>
    </rPh>
    <rPh sb="5" eb="6">
      <t>ケイ</t>
    </rPh>
    <phoneticPr fontId="7"/>
  </si>
  <si>
    <t>市場価格のあるもののうちその他のもの</t>
    <rPh sb="0" eb="2">
      <t>シジョウ</t>
    </rPh>
    <rPh sb="2" eb="4">
      <t>カカク</t>
    </rPh>
    <rPh sb="14" eb="15">
      <t>タ</t>
    </rPh>
    <phoneticPr fontId="24"/>
  </si>
  <si>
    <t>銘柄名</t>
    <rPh sb="0" eb="2">
      <t>メイガラ</t>
    </rPh>
    <rPh sb="2" eb="3">
      <t>メイ</t>
    </rPh>
    <phoneticPr fontId="7"/>
  </si>
  <si>
    <t>株数・口数など</t>
    <rPh sb="0" eb="2">
      <t>カブスウ</t>
    </rPh>
    <rPh sb="3" eb="4">
      <t>クチ</t>
    </rPh>
    <rPh sb="4" eb="5">
      <t>スウ</t>
    </rPh>
    <phoneticPr fontId="24"/>
  </si>
  <si>
    <t>時価単価</t>
    <rPh sb="0" eb="2">
      <t>ジカ</t>
    </rPh>
    <rPh sb="2" eb="4">
      <t>タンカ</t>
    </rPh>
    <phoneticPr fontId="7"/>
  </si>
  <si>
    <t>貸借対照表計上額</t>
    <rPh sb="0" eb="2">
      <t>タイシャク</t>
    </rPh>
    <rPh sb="2" eb="5">
      <t>タイショウヒョウ</t>
    </rPh>
    <rPh sb="5" eb="7">
      <t>ケイジョウ</t>
    </rPh>
    <rPh sb="7" eb="8">
      <t>ガク</t>
    </rPh>
    <phoneticPr fontId="7"/>
  </si>
  <si>
    <t>取得原価</t>
    <rPh sb="0" eb="2">
      <t>シュトク</t>
    </rPh>
    <rPh sb="2" eb="4">
      <t>ゲンカ</t>
    </rPh>
    <phoneticPr fontId="7"/>
  </si>
  <si>
    <t>評価差額</t>
    <rPh sb="0" eb="2">
      <t>ヒョウカ</t>
    </rPh>
    <rPh sb="2" eb="4">
      <t>サガク</t>
    </rPh>
    <phoneticPr fontId="7"/>
  </si>
  <si>
    <t>③＝①×②</t>
    <phoneticPr fontId="7"/>
  </si>
  <si>
    <t>④</t>
    <phoneticPr fontId="7"/>
  </si>
  <si>
    <t>③－④</t>
    <phoneticPr fontId="7"/>
  </si>
  <si>
    <t>関西電力（株）</t>
  </si>
  <si>
    <t>市場価格のないもの（株式会社）</t>
    <rPh sb="0" eb="2">
      <t>シジョウ</t>
    </rPh>
    <rPh sb="2" eb="4">
      <t>カカク</t>
    </rPh>
    <rPh sb="10" eb="14">
      <t>カブシキガイシャ</t>
    </rPh>
    <phoneticPr fontId="24"/>
  </si>
  <si>
    <t>相手先名</t>
    <rPh sb="0" eb="3">
      <t>アイテサキ</t>
    </rPh>
    <rPh sb="3" eb="4">
      <t>メイ</t>
    </rPh>
    <phoneticPr fontId="7"/>
  </si>
  <si>
    <t>取得原価</t>
    <rPh sb="0" eb="2">
      <t>シュトク</t>
    </rPh>
    <rPh sb="2" eb="4">
      <t>ゲンカ</t>
    </rPh>
    <phoneticPr fontId="24"/>
  </si>
  <si>
    <t>貸借対照表計上額</t>
    <rPh sb="0" eb="2">
      <t>タイシャク</t>
    </rPh>
    <rPh sb="2" eb="5">
      <t>タイショウヒョウ</t>
    </rPh>
    <rPh sb="5" eb="7">
      <t>ケイジョウ</t>
    </rPh>
    <rPh sb="7" eb="8">
      <t>ガク</t>
    </rPh>
    <phoneticPr fontId="24"/>
  </si>
  <si>
    <t>一株あたり純資産額</t>
    <rPh sb="0" eb="2">
      <t>ヒトカブ</t>
    </rPh>
    <rPh sb="5" eb="8">
      <t>ジュンシサン</t>
    </rPh>
    <rPh sb="8" eb="9">
      <t>ガク</t>
    </rPh>
    <phoneticPr fontId="7"/>
  </si>
  <si>
    <t>実質価額</t>
    <rPh sb="0" eb="2">
      <t>ジッシツ</t>
    </rPh>
    <rPh sb="2" eb="4">
      <t>カガク</t>
    </rPh>
    <phoneticPr fontId="24"/>
  </si>
  <si>
    <t>強制評価減</t>
    <rPh sb="0" eb="2">
      <t>キョウセイ</t>
    </rPh>
    <rPh sb="2" eb="4">
      <t>ヒョウカ</t>
    </rPh>
    <rPh sb="4" eb="5">
      <t>ゲン</t>
    </rPh>
    <phoneticPr fontId="7"/>
  </si>
  <si>
    <t>差引貸借対照表計上額</t>
    <rPh sb="0" eb="2">
      <t>サシヒキ</t>
    </rPh>
    <rPh sb="2" eb="4">
      <t>タイシャク</t>
    </rPh>
    <rPh sb="4" eb="7">
      <t>タイショウヒョウ</t>
    </rPh>
    <rPh sb="7" eb="9">
      <t>ケイジョウ</t>
    </rPh>
    <rPh sb="9" eb="10">
      <t>ガク</t>
    </rPh>
    <phoneticPr fontId="7"/>
  </si>
  <si>
    <t>（株）ジェイコムウエスト</t>
  </si>
  <si>
    <t>（株）ベイ・コミュニケーションズ</t>
  </si>
  <si>
    <t>（株）湊町開発センター</t>
  </si>
  <si>
    <t>関西高速鉄道（株）</t>
  </si>
  <si>
    <t>市場価格のないもの（株式会社以外）</t>
    <rPh sb="0" eb="2">
      <t>シジョウ</t>
    </rPh>
    <rPh sb="2" eb="4">
      <t>カカク</t>
    </rPh>
    <rPh sb="10" eb="14">
      <t>カブシキガイシャ</t>
    </rPh>
    <rPh sb="14" eb="16">
      <t>イガイ</t>
    </rPh>
    <phoneticPr fontId="24"/>
  </si>
  <si>
    <t>資産</t>
    <rPh sb="0" eb="2">
      <t>シサン</t>
    </rPh>
    <phoneticPr fontId="7"/>
  </si>
  <si>
    <t>負債</t>
    <rPh sb="0" eb="2">
      <t>フサイ</t>
    </rPh>
    <phoneticPr fontId="7"/>
  </si>
  <si>
    <t>純資産額</t>
    <rPh sb="0" eb="3">
      <t>ジュンシサン</t>
    </rPh>
    <rPh sb="3" eb="4">
      <t>ガク</t>
    </rPh>
    <phoneticPr fontId="7"/>
  </si>
  <si>
    <t>出えん等比率(％)</t>
    <rPh sb="0" eb="1">
      <t>シュツ</t>
    </rPh>
    <rPh sb="3" eb="4">
      <t>トウ</t>
    </rPh>
    <rPh sb="4" eb="6">
      <t>ヒリツ</t>
    </rPh>
    <phoneticPr fontId="7"/>
  </si>
  <si>
    <t>実質価額</t>
    <rPh sb="0" eb="2">
      <t>ジッシツ</t>
    </rPh>
    <rPh sb="2" eb="4">
      <t>カガク</t>
    </rPh>
    <phoneticPr fontId="7"/>
  </si>
  <si>
    <t>貸付金名称</t>
    <rPh sb="0" eb="2">
      <t>カシツケ</t>
    </rPh>
    <rPh sb="2" eb="3">
      <t>キン</t>
    </rPh>
    <rPh sb="3" eb="5">
      <t>メイショウ</t>
    </rPh>
    <phoneticPr fontId="7"/>
  </si>
  <si>
    <t>長期貸付金</t>
    <rPh sb="0" eb="2">
      <t>チョウキ</t>
    </rPh>
    <rPh sb="2" eb="4">
      <t>カシツケ</t>
    </rPh>
    <rPh sb="4" eb="5">
      <t>キン</t>
    </rPh>
    <phoneticPr fontId="7"/>
  </si>
  <si>
    <t>短期貸付金</t>
    <rPh sb="0" eb="2">
      <t>タンキ</t>
    </rPh>
    <rPh sb="2" eb="4">
      <t>カシツケ</t>
    </rPh>
    <rPh sb="4" eb="5">
      <t>キン</t>
    </rPh>
    <phoneticPr fontId="7"/>
  </si>
  <si>
    <t>計</t>
    <rPh sb="0" eb="1">
      <t>ケイ</t>
    </rPh>
    <phoneticPr fontId="7"/>
  </si>
  <si>
    <t>貸倒引当金計上額</t>
    <rPh sb="0" eb="2">
      <t>カシダオレ</t>
    </rPh>
    <rPh sb="2" eb="4">
      <t>ヒキアテ</t>
    </rPh>
    <rPh sb="4" eb="5">
      <t>キン</t>
    </rPh>
    <rPh sb="5" eb="7">
      <t>ケイジョウ</t>
    </rPh>
    <rPh sb="7" eb="8">
      <t>ガク</t>
    </rPh>
    <phoneticPr fontId="7"/>
  </si>
  <si>
    <t>（単位：円）</t>
    <phoneticPr fontId="7"/>
  </si>
  <si>
    <t>当年度末残高</t>
    <rPh sb="0" eb="1">
      <t>トウ</t>
    </rPh>
    <rPh sb="1" eb="3">
      <t>ネンド</t>
    </rPh>
    <rPh sb="3" eb="4">
      <t>マツ</t>
    </rPh>
    <rPh sb="4" eb="6">
      <t>ザンダカ</t>
    </rPh>
    <phoneticPr fontId="7"/>
  </si>
  <si>
    <t>目的使用</t>
    <rPh sb="0" eb="2">
      <t>モクテキ</t>
    </rPh>
    <rPh sb="2" eb="4">
      <t>シヨウ</t>
    </rPh>
    <phoneticPr fontId="7"/>
  </si>
  <si>
    <t>貸倒引当金（流動：未収金）</t>
  </si>
  <si>
    <t>貸倒引当金（流動：基金）</t>
  </si>
  <si>
    <t>貸倒引当金（流動：短期貸付金）</t>
  </si>
  <si>
    <t>貸倒引当金（固定：基金）</t>
  </si>
  <si>
    <t>貸倒引当金（固定：長期貸付金）</t>
  </si>
  <si>
    <t>貸倒引当金（固定：その他）</t>
  </si>
  <si>
    <t>附属明細表</t>
    <phoneticPr fontId="11"/>
  </si>
  <si>
    <t>・・・・・・・・・・・・・・・・・・・・・</t>
    <phoneticPr fontId="11"/>
  </si>
  <si>
    <t>・・・・・・・・・・・・・・・・・・</t>
    <phoneticPr fontId="11"/>
  </si>
  <si>
    <t xml:space="preserve">有 形 固 定 </t>
    <phoneticPr fontId="7"/>
  </si>
  <si>
    <t>　明 　 細　  表</t>
    <phoneticPr fontId="24"/>
  </si>
  <si>
    <t xml:space="preserve">基 金 </t>
    <phoneticPr fontId="24"/>
  </si>
  <si>
    <t>資 産 等 明 細 表</t>
    <phoneticPr fontId="24"/>
  </si>
  <si>
    <t>貸 付 金</t>
    <phoneticPr fontId="24"/>
  </si>
  <si>
    <t>明 細 表</t>
    <phoneticPr fontId="24"/>
  </si>
  <si>
    <t>大阪市産業経済振興基金</t>
  </si>
  <si>
    <t>大阪市国際交流振興基金</t>
  </si>
  <si>
    <t>大阪市文化集客振興基金</t>
  </si>
  <si>
    <t>大阪市スポーツ振興基金</t>
  </si>
  <si>
    <t>大阪市社会福祉振興基金</t>
  </si>
  <si>
    <t>大阪市美術品等取得基金</t>
  </si>
  <si>
    <t>（株）大阪城ホール</t>
  </si>
  <si>
    <t>（株）大阪市開発公社</t>
  </si>
  <si>
    <t>アジア太平洋トレードセンター（株）</t>
  </si>
  <si>
    <t>大阪市商業振興企画（株）</t>
  </si>
  <si>
    <t>（株）大阪鶴見フラワーセンター</t>
  </si>
  <si>
    <t>大阪中小企業投資育成（株）</t>
  </si>
  <si>
    <t>（株）日本宝くじシステム</t>
    <rPh sb="3" eb="5">
      <t>ニホン</t>
    </rPh>
    <rPh sb="5" eb="6">
      <t>タカラ</t>
    </rPh>
    <phoneticPr fontId="24"/>
  </si>
  <si>
    <t>関西国際空港土地保有（株）</t>
  </si>
  <si>
    <t>阪神高速道路（株）</t>
  </si>
  <si>
    <t>西大阪高速鉄道（株）</t>
  </si>
  <si>
    <t>大阪ターミナルビル（株）</t>
  </si>
  <si>
    <t>大阪外環状鉄道（株）</t>
  </si>
  <si>
    <t>中之島高速鉄道（株）</t>
  </si>
  <si>
    <t>本州四国連絡高速道路（株）</t>
  </si>
  <si>
    <t>大阪市街地開発（株）</t>
  </si>
  <si>
    <t>クリスタ長堀（株）</t>
    <rPh sb="4" eb="6">
      <t>ナガホリ</t>
    </rPh>
    <phoneticPr fontId="24"/>
  </si>
  <si>
    <t>大阪港木材倉庫（株）</t>
    <rPh sb="0" eb="3">
      <t>オオサカコウ</t>
    </rPh>
    <rPh sb="3" eb="5">
      <t>モクザイ</t>
    </rPh>
    <rPh sb="5" eb="7">
      <t>ソウコ</t>
    </rPh>
    <phoneticPr fontId="24"/>
  </si>
  <si>
    <t>大阪港埠頭（株）</t>
    <rPh sb="0" eb="3">
      <t>オオサカコウ</t>
    </rPh>
    <rPh sb="3" eb="5">
      <t>フトウ</t>
    </rPh>
    <phoneticPr fontId="24"/>
  </si>
  <si>
    <t>（株）大阪港トランスポートシステム</t>
    <rPh sb="3" eb="6">
      <t>オオサカコウ</t>
    </rPh>
    <phoneticPr fontId="24"/>
  </si>
  <si>
    <t>阪神国際港湾（株）</t>
    <rPh sb="0" eb="2">
      <t>ハンシン</t>
    </rPh>
    <rPh sb="2" eb="4">
      <t>コクサイ</t>
    </rPh>
    <rPh sb="4" eb="6">
      <t>コウワン</t>
    </rPh>
    <phoneticPr fontId="24"/>
  </si>
  <si>
    <t>（一財）地域社会ライフプラン協会</t>
  </si>
  <si>
    <t>（公財）大阪市中小企業勤労者福祉サービスセンター</t>
  </si>
  <si>
    <t>ハック大阪投資事業有限責任組合</t>
  </si>
  <si>
    <t>（公財）大阪府暴力追放推進センター</t>
  </si>
  <si>
    <t>（独）日本高速道路保有・債務返済機構</t>
  </si>
  <si>
    <t>（一財）太平洋戦全国空爆犠牲者慰霊協会</t>
  </si>
  <si>
    <t>（公財）大阪市救急医療事業団</t>
  </si>
  <si>
    <t>（公財）大阪府保健医療財団</t>
  </si>
  <si>
    <t xml:space="preserve">（公財）産業廃棄物処理事業振興財団 </t>
  </si>
  <si>
    <t>大阪市住宅供給公社</t>
  </si>
  <si>
    <t>（一財）都市農地活用支援センター</t>
  </si>
  <si>
    <t>（一財）高齢者住宅財団</t>
  </si>
  <si>
    <t>（一財）建築コスト管理システム研究所</t>
  </si>
  <si>
    <t>前年度末残高</t>
    <rPh sb="0" eb="3">
      <t>ゼンネンド</t>
    </rPh>
    <phoneticPr fontId="7"/>
  </si>
  <si>
    <t>当年度変動額</t>
    <rPh sb="0" eb="1">
      <t>トウ</t>
    </rPh>
    <rPh sb="1" eb="3">
      <t>ネンド</t>
    </rPh>
    <rPh sb="3" eb="5">
      <t>ヘンドウ</t>
    </rPh>
    <phoneticPr fontId="7"/>
  </si>
  <si>
    <t>当年度末残高</t>
    <rPh sb="0" eb="1">
      <t>トウ</t>
    </rPh>
    <rPh sb="1" eb="3">
      <t>ネンド</t>
    </rPh>
    <phoneticPr fontId="7"/>
  </si>
  <si>
    <t>累積余剰</t>
    <phoneticPr fontId="7"/>
  </si>
  <si>
    <t>評価・換算差額等</t>
    <phoneticPr fontId="7"/>
  </si>
  <si>
    <t>合計</t>
    <phoneticPr fontId="7"/>
  </si>
  <si>
    <t>大阪市心身障害者扶養共済事業会計</t>
    <rPh sb="0" eb="3">
      <t>オオサカシ</t>
    </rPh>
    <rPh sb="3" eb="5">
      <t>シンシン</t>
    </rPh>
    <rPh sb="5" eb="8">
      <t>ショウガイシャ</t>
    </rPh>
    <rPh sb="8" eb="10">
      <t>フヨウ</t>
    </rPh>
    <rPh sb="10" eb="12">
      <t>キョウサイ</t>
    </rPh>
    <rPh sb="12" eb="14">
      <t>ジギョウ</t>
    </rPh>
    <rPh sb="14" eb="16">
      <t>カイケイ</t>
    </rPh>
    <phoneticPr fontId="9"/>
  </si>
  <si>
    <t>大阪市後期高齢者医療事業会計</t>
    <rPh sb="0" eb="2">
      <t>オオサカ</t>
    </rPh>
    <rPh sb="2" eb="3">
      <t>シ</t>
    </rPh>
    <rPh sb="3" eb="5">
      <t>コウキ</t>
    </rPh>
    <rPh sb="5" eb="8">
      <t>コウレイシャ</t>
    </rPh>
    <rPh sb="8" eb="10">
      <t>イリョウ</t>
    </rPh>
    <rPh sb="10" eb="12">
      <t>ジギョウ</t>
    </rPh>
    <rPh sb="12" eb="14">
      <t>カイケイ</t>
    </rPh>
    <phoneticPr fontId="9"/>
  </si>
  <si>
    <t>大阪市公債費会計</t>
    <rPh sb="0" eb="2">
      <t>オオサカ</t>
    </rPh>
    <rPh sb="2" eb="3">
      <t>シ</t>
    </rPh>
    <rPh sb="3" eb="5">
      <t>コウサイ</t>
    </rPh>
    <rPh sb="5" eb="6">
      <t>ヒ</t>
    </rPh>
    <rPh sb="6" eb="8">
      <t>カイケイ</t>
    </rPh>
    <phoneticPr fontId="9"/>
  </si>
  <si>
    <t>①</t>
    <phoneticPr fontId="7"/>
  </si>
  <si>
    <t>②</t>
    <phoneticPr fontId="7"/>
  </si>
  <si>
    <t>③</t>
    <phoneticPr fontId="24"/>
  </si>
  <si>
    <t>④＝②×③</t>
    <phoneticPr fontId="24"/>
  </si>
  <si>
    <t>⑤</t>
    <phoneticPr fontId="24"/>
  </si>
  <si>
    <t>①－⑤</t>
    <phoneticPr fontId="24"/>
  </si>
  <si>
    <t>①</t>
    <phoneticPr fontId="7"/>
  </si>
  <si>
    <t>②</t>
    <phoneticPr fontId="7"/>
  </si>
  <si>
    <t>③</t>
    <phoneticPr fontId="7"/>
  </si>
  <si>
    <t>④＝②－③</t>
    <phoneticPr fontId="7"/>
  </si>
  <si>
    <t>⑤</t>
    <phoneticPr fontId="7"/>
  </si>
  <si>
    <t>⑥＝④×⑤</t>
    <phoneticPr fontId="7"/>
  </si>
  <si>
    <t>⑦</t>
    <phoneticPr fontId="7"/>
  </si>
  <si>
    <t>①－⑦</t>
    <phoneticPr fontId="7"/>
  </si>
  <si>
    <t>大阪港埠頭ターミナル（株）</t>
    <rPh sb="0" eb="2">
      <t>オオサカ</t>
    </rPh>
    <rPh sb="3" eb="5">
      <t>フトウ</t>
    </rPh>
    <phoneticPr fontId="24"/>
  </si>
  <si>
    <t>財務諸表に対する注記</t>
    <rPh sb="0" eb="2">
      <t>ザイム</t>
    </rPh>
    <rPh sb="2" eb="4">
      <t>ショヒョウ</t>
    </rPh>
    <rPh sb="5" eb="6">
      <t>タイ</t>
    </rPh>
    <phoneticPr fontId="11"/>
  </si>
  <si>
    <t>・・・・・・・・・・・・・・・・</t>
    <phoneticPr fontId="11"/>
  </si>
  <si>
    <t>大阪市母子父子寡婦福祉貸付資金会計</t>
    <rPh sb="0" eb="3">
      <t>オオサカシ</t>
    </rPh>
    <rPh sb="3" eb="5">
      <t>ボシ</t>
    </rPh>
    <rPh sb="5" eb="7">
      <t>フシ</t>
    </rPh>
    <rPh sb="7" eb="9">
      <t>カフ</t>
    </rPh>
    <rPh sb="9" eb="11">
      <t>フクシ</t>
    </rPh>
    <rPh sb="11" eb="13">
      <t>カシツケ</t>
    </rPh>
    <rPh sb="13" eb="15">
      <t>シキン</t>
    </rPh>
    <rPh sb="15" eb="17">
      <t>カイケイ</t>
    </rPh>
    <phoneticPr fontId="9"/>
  </si>
  <si>
    <t>附  　属 　</t>
    <phoneticPr fontId="24"/>
  </si>
  <si>
    <t>貸 借 対 照 表</t>
    <phoneticPr fontId="7"/>
  </si>
  <si>
    <t>キ ャ ッ シ ュ ・ フ ロ ー 計 算 書</t>
    <phoneticPr fontId="7"/>
  </si>
  <si>
    <t>大阪シティバス（株）</t>
    <phoneticPr fontId="24"/>
  </si>
  <si>
    <t>純 資 産 変 動 計 算 書</t>
    <phoneticPr fontId="7"/>
  </si>
  <si>
    <t>財務諸表に対する注記</t>
    <rPh sb="0" eb="2">
      <t>ザイム</t>
    </rPh>
    <rPh sb="2" eb="4">
      <t>ショヒョウ</t>
    </rPh>
    <rPh sb="5" eb="6">
      <t>タイ</t>
    </rPh>
    <rPh sb="8" eb="9">
      <t>チュウ</t>
    </rPh>
    <rPh sb="9" eb="10">
      <t>キ</t>
    </rPh>
    <phoneticPr fontId="34"/>
  </si>
  <si>
    <t>１．重要な会計方針</t>
    <rPh sb="2" eb="4">
      <t>ジュウヨウ</t>
    </rPh>
    <rPh sb="5" eb="7">
      <t>カイケイ</t>
    </rPh>
    <rPh sb="7" eb="9">
      <t>ホウシン</t>
    </rPh>
    <phoneticPr fontId="34"/>
  </si>
  <si>
    <t>有形固定資産等の評価基準及び評価方法</t>
    <rPh sb="0" eb="2">
      <t>ユウケイ</t>
    </rPh>
    <rPh sb="2" eb="4">
      <t>コテイ</t>
    </rPh>
    <rPh sb="4" eb="6">
      <t>シサン</t>
    </rPh>
    <rPh sb="6" eb="7">
      <t>トウ</t>
    </rPh>
    <rPh sb="8" eb="10">
      <t>ヒョウカ</t>
    </rPh>
    <rPh sb="10" eb="12">
      <t>キジュン</t>
    </rPh>
    <rPh sb="12" eb="13">
      <t>オヨ</t>
    </rPh>
    <rPh sb="14" eb="16">
      <t>ヒョウカ</t>
    </rPh>
    <rPh sb="16" eb="18">
      <t>ホウホウ</t>
    </rPh>
    <phoneticPr fontId="34"/>
  </si>
  <si>
    <t>有価証券等の評価基準及び評価方法</t>
    <rPh sb="0" eb="2">
      <t>ユウカ</t>
    </rPh>
    <rPh sb="2" eb="4">
      <t>ショウケン</t>
    </rPh>
    <rPh sb="4" eb="5">
      <t>トウ</t>
    </rPh>
    <rPh sb="6" eb="8">
      <t>ヒョウカ</t>
    </rPh>
    <rPh sb="8" eb="10">
      <t>キジュン</t>
    </rPh>
    <rPh sb="10" eb="11">
      <t>オヨ</t>
    </rPh>
    <rPh sb="12" eb="14">
      <t>ヒョウカ</t>
    </rPh>
    <rPh sb="14" eb="16">
      <t>ホウホウ</t>
    </rPh>
    <phoneticPr fontId="34"/>
  </si>
  <si>
    <t>【時価のあるもの】
（１）満期保有目的の債券
　償却原価法（定額法）
（２）その他出資金
　年度末時点の市場価格に基づく時価法
　（評価差額は純資産直入法により処理し、売却原価は個別法により算定）
【時価のないもの】
　個別法による原価法（実質価額が著しく下落した場合は、実質価額）</t>
    <rPh sb="1" eb="3">
      <t>ジカ</t>
    </rPh>
    <rPh sb="13" eb="15">
      <t>マンキ</t>
    </rPh>
    <rPh sb="15" eb="17">
      <t>ホユウ</t>
    </rPh>
    <rPh sb="17" eb="19">
      <t>モクテキ</t>
    </rPh>
    <rPh sb="20" eb="22">
      <t>サイケン</t>
    </rPh>
    <rPh sb="24" eb="26">
      <t>ショウキャク</t>
    </rPh>
    <rPh sb="26" eb="29">
      <t>ゲンカホウ</t>
    </rPh>
    <rPh sb="30" eb="32">
      <t>テイガク</t>
    </rPh>
    <rPh sb="32" eb="33">
      <t>ホウ</t>
    </rPh>
    <rPh sb="40" eb="41">
      <t>タ</t>
    </rPh>
    <rPh sb="41" eb="44">
      <t>シュッシキン</t>
    </rPh>
    <rPh sb="46" eb="48">
      <t>ネンド</t>
    </rPh>
    <rPh sb="48" eb="49">
      <t>マツ</t>
    </rPh>
    <rPh sb="49" eb="51">
      <t>ジテン</t>
    </rPh>
    <rPh sb="52" eb="54">
      <t>シジョウ</t>
    </rPh>
    <rPh sb="54" eb="56">
      <t>カカク</t>
    </rPh>
    <rPh sb="57" eb="58">
      <t>モト</t>
    </rPh>
    <rPh sb="60" eb="62">
      <t>ジカ</t>
    </rPh>
    <rPh sb="62" eb="63">
      <t>ホウ</t>
    </rPh>
    <rPh sb="66" eb="68">
      <t>ヒョウカ</t>
    </rPh>
    <rPh sb="68" eb="70">
      <t>サガク</t>
    </rPh>
    <rPh sb="71" eb="74">
      <t>ジュンシサン</t>
    </rPh>
    <rPh sb="74" eb="76">
      <t>チョクニュウ</t>
    </rPh>
    <rPh sb="76" eb="77">
      <t>ホウ</t>
    </rPh>
    <rPh sb="80" eb="82">
      <t>ショリ</t>
    </rPh>
    <rPh sb="84" eb="86">
      <t>バイキャク</t>
    </rPh>
    <rPh sb="86" eb="88">
      <t>ゲンカ</t>
    </rPh>
    <rPh sb="89" eb="91">
      <t>コベツ</t>
    </rPh>
    <rPh sb="91" eb="92">
      <t>ホウ</t>
    </rPh>
    <rPh sb="95" eb="97">
      <t>サンテイ</t>
    </rPh>
    <rPh sb="100" eb="102">
      <t>ジカ</t>
    </rPh>
    <phoneticPr fontId="34"/>
  </si>
  <si>
    <t>引当金の計上基準及び算定方法</t>
    <rPh sb="0" eb="2">
      <t>ヒキアテ</t>
    </rPh>
    <rPh sb="2" eb="3">
      <t>キン</t>
    </rPh>
    <rPh sb="4" eb="6">
      <t>ケイジョウ</t>
    </rPh>
    <rPh sb="6" eb="8">
      <t>キジュン</t>
    </rPh>
    <rPh sb="8" eb="9">
      <t>オヨ</t>
    </rPh>
    <rPh sb="10" eb="12">
      <t>サンテイ</t>
    </rPh>
    <rPh sb="12" eb="14">
      <t>ホウホウ</t>
    </rPh>
    <phoneticPr fontId="34"/>
  </si>
  <si>
    <t xml:space="preserve">（１）貸倒引当金
　債権等（債権、未収金及びそれらで基金に属するもの）の貸倒損失に備えるため、一般債権は貸倒実績率によって、貸倒懸念債権及び破産更生債権等は個別に回収可能性を検討し、回収不能見込額を計上しております。
（２）賞与引当金
　職員の期末・勤勉手当（共済費を含む）の支出に備えるため、支給見込額に基づき当年度の負担相当額を計上しております。
（３）退職手当引当金
　職員の退職手当の支出に備えるため、年度末時点の全ての職員が自己都合退職した場合の退職手当支給見込額を計上しております。
（４）損失補償等引当金
　債務保証契約又は損失補償契約に基づく債務の履行に係る損失に備えるため、地方公共団体の財政の健全化に関する法律（平成19年法律第94号）に規定する将来負担比率の算定に含めた損失補償債務等に係る一般会計等負担見込額を計上しております。
</t>
    <rPh sb="3" eb="5">
      <t>カシダオレ</t>
    </rPh>
    <rPh sb="5" eb="7">
      <t>ヒキアテ</t>
    </rPh>
    <rPh sb="7" eb="8">
      <t>キン</t>
    </rPh>
    <rPh sb="10" eb="12">
      <t>サイケン</t>
    </rPh>
    <rPh sb="12" eb="13">
      <t>トウ</t>
    </rPh>
    <rPh sb="14" eb="16">
      <t>サイケン</t>
    </rPh>
    <rPh sb="17" eb="20">
      <t>ミシュウキン</t>
    </rPh>
    <rPh sb="20" eb="21">
      <t>オヨ</t>
    </rPh>
    <rPh sb="26" eb="28">
      <t>キキン</t>
    </rPh>
    <rPh sb="29" eb="30">
      <t>ゾク</t>
    </rPh>
    <rPh sb="36" eb="38">
      <t>カシダオレ</t>
    </rPh>
    <rPh sb="38" eb="40">
      <t>ソンシツ</t>
    </rPh>
    <rPh sb="41" eb="42">
      <t>ソナ</t>
    </rPh>
    <rPh sb="47" eb="49">
      <t>イッパン</t>
    </rPh>
    <rPh sb="49" eb="51">
      <t>サイケン</t>
    </rPh>
    <rPh sb="52" eb="54">
      <t>カシダオレ</t>
    </rPh>
    <rPh sb="54" eb="56">
      <t>ジッセキ</t>
    </rPh>
    <rPh sb="56" eb="57">
      <t>リツ</t>
    </rPh>
    <rPh sb="62" eb="64">
      <t>カシダオレ</t>
    </rPh>
    <rPh sb="64" eb="66">
      <t>ケネン</t>
    </rPh>
    <rPh sb="66" eb="68">
      <t>サイケン</t>
    </rPh>
    <rPh sb="68" eb="69">
      <t>オヨ</t>
    </rPh>
    <rPh sb="70" eb="72">
      <t>ハサン</t>
    </rPh>
    <rPh sb="72" eb="74">
      <t>コウセイ</t>
    </rPh>
    <rPh sb="74" eb="76">
      <t>サイケン</t>
    </rPh>
    <rPh sb="76" eb="77">
      <t>トウ</t>
    </rPh>
    <rPh sb="78" eb="80">
      <t>コベツ</t>
    </rPh>
    <rPh sb="81" eb="83">
      <t>カイシュウ</t>
    </rPh>
    <rPh sb="99" eb="101">
      <t>ケイジョウ</t>
    </rPh>
    <rPh sb="112" eb="114">
      <t>ショウヨ</t>
    </rPh>
    <rPh sb="114" eb="116">
      <t>ヒキアテ</t>
    </rPh>
    <rPh sb="116" eb="117">
      <t>キン</t>
    </rPh>
    <rPh sb="119" eb="121">
      <t>ショクイン</t>
    </rPh>
    <rPh sb="125" eb="127">
      <t>キンベン</t>
    </rPh>
    <rPh sb="127" eb="129">
      <t>テアテ</t>
    </rPh>
    <rPh sb="130" eb="132">
      <t>キョウサイ</t>
    </rPh>
    <rPh sb="132" eb="133">
      <t>ヒ</t>
    </rPh>
    <rPh sb="134" eb="135">
      <t>フク</t>
    </rPh>
    <rPh sb="138" eb="140">
      <t>シシュツ</t>
    </rPh>
    <rPh sb="141" eb="142">
      <t>ソナ</t>
    </rPh>
    <rPh sb="147" eb="149">
      <t>シキュウ</t>
    </rPh>
    <rPh sb="149" eb="151">
      <t>ミコミ</t>
    </rPh>
    <rPh sb="151" eb="152">
      <t>ガク</t>
    </rPh>
    <rPh sb="153" eb="154">
      <t>モト</t>
    </rPh>
    <rPh sb="156" eb="159">
      <t>トウネンド</t>
    </rPh>
    <rPh sb="160" eb="162">
      <t>フタン</t>
    </rPh>
    <rPh sb="162" eb="164">
      <t>ソウトウ</t>
    </rPh>
    <rPh sb="164" eb="165">
      <t>ガク</t>
    </rPh>
    <rPh sb="166" eb="168">
      <t>ケイジョウ</t>
    </rPh>
    <rPh sb="188" eb="190">
      <t>ショクイン</t>
    </rPh>
    <rPh sb="191" eb="193">
      <t>タイショク</t>
    </rPh>
    <rPh sb="193" eb="195">
      <t>テアテ</t>
    </rPh>
    <rPh sb="196" eb="198">
      <t>シシュツ</t>
    </rPh>
    <rPh sb="199" eb="200">
      <t>ソナ</t>
    </rPh>
    <rPh sb="261" eb="263">
      <t>サイム</t>
    </rPh>
    <rPh sb="263" eb="265">
      <t>ホショウ</t>
    </rPh>
    <rPh sb="265" eb="267">
      <t>ケイヤク</t>
    </rPh>
    <rPh sb="267" eb="268">
      <t>マタ</t>
    </rPh>
    <rPh sb="269" eb="271">
      <t>ソンシツ</t>
    </rPh>
    <rPh sb="271" eb="273">
      <t>ホショウ</t>
    </rPh>
    <rPh sb="273" eb="275">
      <t>ケイヤク</t>
    </rPh>
    <rPh sb="276" eb="277">
      <t>モト</t>
    </rPh>
    <rPh sb="279" eb="281">
      <t>サイム</t>
    </rPh>
    <rPh sb="282" eb="284">
      <t>リコウ</t>
    </rPh>
    <rPh sb="285" eb="286">
      <t>カカ</t>
    </rPh>
    <rPh sb="287" eb="289">
      <t>ソンシツ</t>
    </rPh>
    <rPh sb="290" eb="291">
      <t>ソナ</t>
    </rPh>
    <rPh sb="329" eb="331">
      <t>キテイ</t>
    </rPh>
    <rPh sb="354" eb="355">
      <t>カカ</t>
    </rPh>
    <rPh sb="356" eb="358">
      <t>イッパン</t>
    </rPh>
    <rPh sb="358" eb="360">
      <t>カイケイ</t>
    </rPh>
    <rPh sb="360" eb="361">
      <t>トウ</t>
    </rPh>
    <rPh sb="361" eb="363">
      <t>フタン</t>
    </rPh>
    <rPh sb="363" eb="365">
      <t>ミコ</t>
    </rPh>
    <rPh sb="365" eb="366">
      <t>ガク</t>
    </rPh>
    <phoneticPr fontId="34"/>
  </si>
  <si>
    <t>リース取引の処理方法</t>
    <rPh sb="3" eb="5">
      <t>トリヒキ</t>
    </rPh>
    <rPh sb="6" eb="8">
      <t>ショリ</t>
    </rPh>
    <rPh sb="8" eb="10">
      <t>ホウホウ</t>
    </rPh>
    <phoneticPr fontId="34"/>
  </si>
  <si>
    <t>キャッシュ・フロー計算書における資金の範囲</t>
    <rPh sb="9" eb="12">
      <t>ケイサンショ</t>
    </rPh>
    <rPh sb="16" eb="18">
      <t>シキン</t>
    </rPh>
    <rPh sb="19" eb="21">
      <t>ハンイ</t>
    </rPh>
    <phoneticPr fontId="34"/>
  </si>
  <si>
    <t>　キャッシュ・フロー計算書における資金は、「歳計現金」及び「歳入歳出外現金」としております。</t>
    <rPh sb="10" eb="13">
      <t>ケイサンショ</t>
    </rPh>
    <rPh sb="17" eb="19">
      <t>シキン</t>
    </rPh>
    <rPh sb="22" eb="24">
      <t>サイケイ</t>
    </rPh>
    <rPh sb="24" eb="26">
      <t>ゲンキン</t>
    </rPh>
    <rPh sb="27" eb="28">
      <t>オヨ</t>
    </rPh>
    <rPh sb="30" eb="32">
      <t>サイニュウ</t>
    </rPh>
    <rPh sb="32" eb="34">
      <t>サイシュツ</t>
    </rPh>
    <rPh sb="34" eb="35">
      <t>ガイ</t>
    </rPh>
    <rPh sb="35" eb="37">
      <t>ゲンキン</t>
    </rPh>
    <phoneticPr fontId="34"/>
  </si>
  <si>
    <t>その他財務諸表作成のための基本となる重要な事項</t>
    <rPh sb="2" eb="3">
      <t>タ</t>
    </rPh>
    <rPh sb="3" eb="5">
      <t>ザイム</t>
    </rPh>
    <rPh sb="5" eb="7">
      <t>ショヒョウ</t>
    </rPh>
    <rPh sb="7" eb="9">
      <t>サクセイ</t>
    </rPh>
    <rPh sb="13" eb="15">
      <t>キホン</t>
    </rPh>
    <rPh sb="18" eb="20">
      <t>ジュウヨウ</t>
    </rPh>
    <rPh sb="21" eb="23">
      <t>ジコウ</t>
    </rPh>
    <phoneticPr fontId="34"/>
  </si>
  <si>
    <t>【出納整理期間の取扱い】
　財務諸表は、3月31日を基準日として作成しておりますが、地方自治法第235条の5に規定する翌年度5月31日の出納閉鎖までを出納整理期間とし、出納整理期間における歳入及び歳出並びにこれに伴う資産及び負債の増減等を反映した後の計数をもって会計年度末の計数としております。</t>
    <rPh sb="1" eb="3">
      <t>スイトウ</t>
    </rPh>
    <rPh sb="3" eb="5">
      <t>セイリ</t>
    </rPh>
    <rPh sb="5" eb="7">
      <t>キカン</t>
    </rPh>
    <rPh sb="8" eb="10">
      <t>トリアツカ</t>
    </rPh>
    <rPh sb="14" eb="16">
      <t>ザイム</t>
    </rPh>
    <rPh sb="16" eb="18">
      <t>ショヒョウ</t>
    </rPh>
    <rPh sb="21" eb="22">
      <t>ガツ</t>
    </rPh>
    <rPh sb="24" eb="25">
      <t>ニチ</t>
    </rPh>
    <rPh sb="26" eb="28">
      <t>キジュン</t>
    </rPh>
    <rPh sb="28" eb="29">
      <t>ビ</t>
    </rPh>
    <rPh sb="32" eb="34">
      <t>サクセイ</t>
    </rPh>
    <rPh sb="42" eb="44">
      <t>チホウ</t>
    </rPh>
    <rPh sb="44" eb="46">
      <t>ジチ</t>
    </rPh>
    <rPh sb="46" eb="47">
      <t>ホウ</t>
    </rPh>
    <rPh sb="47" eb="48">
      <t>ダイ</t>
    </rPh>
    <rPh sb="51" eb="52">
      <t>ジョウ</t>
    </rPh>
    <rPh sb="55" eb="57">
      <t>キテイ</t>
    </rPh>
    <rPh sb="59" eb="62">
      <t>ヨクネンド</t>
    </rPh>
    <rPh sb="63" eb="64">
      <t>ガツ</t>
    </rPh>
    <rPh sb="66" eb="67">
      <t>ニチ</t>
    </rPh>
    <rPh sb="68" eb="70">
      <t>スイトウ</t>
    </rPh>
    <rPh sb="70" eb="72">
      <t>ヘイサ</t>
    </rPh>
    <rPh sb="75" eb="77">
      <t>スイトウ</t>
    </rPh>
    <rPh sb="77" eb="79">
      <t>セイリ</t>
    </rPh>
    <rPh sb="79" eb="81">
      <t>キカン</t>
    </rPh>
    <rPh sb="84" eb="86">
      <t>スイトウ</t>
    </rPh>
    <rPh sb="86" eb="88">
      <t>セイリ</t>
    </rPh>
    <rPh sb="88" eb="90">
      <t>キカン</t>
    </rPh>
    <rPh sb="94" eb="96">
      <t>サイニュウ</t>
    </rPh>
    <rPh sb="96" eb="97">
      <t>オヨ</t>
    </rPh>
    <rPh sb="98" eb="100">
      <t>サイシュツ</t>
    </rPh>
    <rPh sb="100" eb="101">
      <t>ナラ</t>
    </rPh>
    <rPh sb="106" eb="107">
      <t>トモナ</t>
    </rPh>
    <rPh sb="108" eb="110">
      <t>シサン</t>
    </rPh>
    <rPh sb="110" eb="111">
      <t>オヨ</t>
    </rPh>
    <rPh sb="112" eb="114">
      <t>フサイ</t>
    </rPh>
    <rPh sb="115" eb="117">
      <t>ゾウゲン</t>
    </rPh>
    <rPh sb="117" eb="118">
      <t>トウ</t>
    </rPh>
    <rPh sb="119" eb="121">
      <t>ハンエイ</t>
    </rPh>
    <rPh sb="123" eb="124">
      <t>ノチ</t>
    </rPh>
    <rPh sb="125" eb="127">
      <t>ケイスウ</t>
    </rPh>
    <rPh sb="131" eb="133">
      <t>カイケイ</t>
    </rPh>
    <rPh sb="133" eb="135">
      <t>ネンド</t>
    </rPh>
    <rPh sb="135" eb="136">
      <t>マツ</t>
    </rPh>
    <rPh sb="137" eb="139">
      <t>ケイスウ</t>
    </rPh>
    <phoneticPr fontId="34"/>
  </si>
  <si>
    <t>（単位：百万円）</t>
    <rPh sb="1" eb="3">
      <t>タンイ</t>
    </rPh>
    <rPh sb="4" eb="6">
      <t>ヒャクマン</t>
    </rPh>
    <rPh sb="6" eb="7">
      <t>エン</t>
    </rPh>
    <phoneticPr fontId="34"/>
  </si>
  <si>
    <t>相手先</t>
    <rPh sb="0" eb="3">
      <t>アイテサキ</t>
    </rPh>
    <phoneticPr fontId="34"/>
  </si>
  <si>
    <t>金額</t>
    <rPh sb="0" eb="2">
      <t>キンガク</t>
    </rPh>
    <phoneticPr fontId="34"/>
  </si>
  <si>
    <t>第三セクター等</t>
    <rPh sb="0" eb="2">
      <t>ダイサン</t>
    </rPh>
    <rPh sb="6" eb="7">
      <t>トウ</t>
    </rPh>
    <phoneticPr fontId="34"/>
  </si>
  <si>
    <t>共同発行地方債</t>
    <rPh sb="0" eb="2">
      <t>キョウドウ</t>
    </rPh>
    <rPh sb="2" eb="4">
      <t>ハッコウ</t>
    </rPh>
    <rPh sb="4" eb="7">
      <t>チホウサイ</t>
    </rPh>
    <phoneticPr fontId="34"/>
  </si>
  <si>
    <t>計</t>
    <rPh sb="0" eb="1">
      <t>ケイ</t>
    </rPh>
    <phoneticPr fontId="34"/>
  </si>
  <si>
    <t>＊損失補償等引当金に計上した額は除いております。</t>
    <rPh sb="1" eb="3">
      <t>ソンシツ</t>
    </rPh>
    <rPh sb="3" eb="5">
      <t>ホショウ</t>
    </rPh>
    <rPh sb="5" eb="6">
      <t>トウ</t>
    </rPh>
    <rPh sb="6" eb="8">
      <t>ヒキアテ</t>
    </rPh>
    <rPh sb="8" eb="9">
      <t>キン</t>
    </rPh>
    <rPh sb="10" eb="12">
      <t>ケイジョウ</t>
    </rPh>
    <rPh sb="14" eb="15">
      <t>ガク</t>
    </rPh>
    <rPh sb="16" eb="17">
      <t>ノゾ</t>
    </rPh>
    <phoneticPr fontId="34"/>
  </si>
  <si>
    <t>３．重要な後発事象</t>
    <rPh sb="2" eb="4">
      <t>ジュウヨウ</t>
    </rPh>
    <rPh sb="5" eb="7">
      <t>コウハツ</t>
    </rPh>
    <rPh sb="7" eb="9">
      <t>ジショウ</t>
    </rPh>
    <phoneticPr fontId="34"/>
  </si>
  <si>
    <t>４．追加情報</t>
    <rPh sb="2" eb="4">
      <t>ツイカ</t>
    </rPh>
    <rPh sb="4" eb="6">
      <t>ジョウホウ</t>
    </rPh>
    <phoneticPr fontId="34"/>
  </si>
  <si>
    <t>【売却可能資産に係る資産科目別の金額及びその範囲】</t>
    <rPh sb="1" eb="3">
      <t>バイキャク</t>
    </rPh>
    <rPh sb="3" eb="5">
      <t>カノウ</t>
    </rPh>
    <rPh sb="5" eb="7">
      <t>シサン</t>
    </rPh>
    <rPh sb="8" eb="9">
      <t>カカ</t>
    </rPh>
    <rPh sb="10" eb="12">
      <t>シサン</t>
    </rPh>
    <rPh sb="12" eb="14">
      <t>カモク</t>
    </rPh>
    <rPh sb="14" eb="15">
      <t>ベツ</t>
    </rPh>
    <rPh sb="16" eb="18">
      <t>キンガク</t>
    </rPh>
    <rPh sb="18" eb="19">
      <t>オヨ</t>
    </rPh>
    <rPh sb="22" eb="24">
      <t>ハンイ</t>
    </rPh>
    <phoneticPr fontId="34"/>
  </si>
  <si>
    <t>資産科目</t>
    <rPh sb="0" eb="2">
      <t>シサン</t>
    </rPh>
    <rPh sb="2" eb="4">
      <t>カモク</t>
    </rPh>
    <phoneticPr fontId="34"/>
  </si>
  <si>
    <t>範囲及び評価方法</t>
    <rPh sb="0" eb="2">
      <t>ハンイ</t>
    </rPh>
    <rPh sb="2" eb="3">
      <t>オヨ</t>
    </rPh>
    <rPh sb="4" eb="6">
      <t>ヒョウカ</t>
    </rPh>
    <rPh sb="6" eb="8">
      <t>ホウホウ</t>
    </rPh>
    <phoneticPr fontId="34"/>
  </si>
  <si>
    <t>土地</t>
    <rPh sb="0" eb="2">
      <t>トチ</t>
    </rPh>
    <phoneticPr fontId="34"/>
  </si>
  <si>
    <t>事業等の活用見込みがなく処分を検討することが適当と判断されるもの
正面相続税路線価に地積を乗じた額</t>
    <rPh sb="0" eb="2">
      <t>ジギョウ</t>
    </rPh>
    <rPh sb="2" eb="3">
      <t>トウ</t>
    </rPh>
    <rPh sb="4" eb="6">
      <t>カツヨウ</t>
    </rPh>
    <rPh sb="6" eb="8">
      <t>ミコミ</t>
    </rPh>
    <rPh sb="12" eb="14">
      <t>ショブン</t>
    </rPh>
    <rPh sb="15" eb="17">
      <t>ケントウ</t>
    </rPh>
    <rPh sb="22" eb="24">
      <t>テキトウ</t>
    </rPh>
    <rPh sb="25" eb="27">
      <t>ハンダン</t>
    </rPh>
    <rPh sb="33" eb="35">
      <t>ショウメン</t>
    </rPh>
    <rPh sb="35" eb="37">
      <t>ソウゾク</t>
    </rPh>
    <rPh sb="37" eb="38">
      <t>ゼイ</t>
    </rPh>
    <rPh sb="38" eb="41">
      <t>ロセンカ</t>
    </rPh>
    <rPh sb="42" eb="44">
      <t>チセキ</t>
    </rPh>
    <rPh sb="45" eb="46">
      <t>ジョウ</t>
    </rPh>
    <rPh sb="48" eb="49">
      <t>ガク</t>
    </rPh>
    <phoneticPr fontId="34"/>
  </si>
  <si>
    <t>２．重要な債務負担行為</t>
    <rPh sb="2" eb="4">
      <t>ジュウヨウ</t>
    </rPh>
    <rPh sb="5" eb="7">
      <t>サイム</t>
    </rPh>
    <rPh sb="7" eb="9">
      <t>フタン</t>
    </rPh>
    <rPh sb="9" eb="11">
      <t>コウイ</t>
    </rPh>
    <phoneticPr fontId="34"/>
  </si>
  <si>
    <t>（単位：百万円）</t>
    <phoneticPr fontId="34"/>
  </si>
  <si>
    <t>【事業再編等に伴う移転損益】</t>
    <phoneticPr fontId="34"/>
  </si>
  <si>
    <t>行 政 コ ス ト 計 算 書</t>
    <rPh sb="0" eb="1">
      <t>ギョウ</t>
    </rPh>
    <rPh sb="2" eb="3">
      <t>セイ</t>
    </rPh>
    <rPh sb="10" eb="11">
      <t>ケイ</t>
    </rPh>
    <rPh sb="12" eb="13">
      <t>サン</t>
    </rPh>
    <rPh sb="14" eb="15">
      <t>ショ</t>
    </rPh>
    <phoneticPr fontId="7"/>
  </si>
  <si>
    <t>キ ャ ッ シ ュ ・ フ ロ ー 計 算 書</t>
    <phoneticPr fontId="7"/>
  </si>
  <si>
    <t>（単位：円）</t>
    <phoneticPr fontId="7"/>
  </si>
  <si>
    <t>大阪市食肉市場株式会社貸付金</t>
    <phoneticPr fontId="24"/>
  </si>
  <si>
    <t>大阪市高速電気軌道（株）</t>
    <phoneticPr fontId="24"/>
  </si>
  <si>
    <t>（株）かんでんエルハート</t>
    <phoneticPr fontId="24"/>
  </si>
  <si>
    <t>非公開</t>
    <rPh sb="0" eb="3">
      <t>ヒコウカイ</t>
    </rPh>
    <phoneticPr fontId="24"/>
  </si>
  <si>
    <t>（株）セレッソ大阪</t>
    <phoneticPr fontId="24"/>
  </si>
  <si>
    <t>【災害による損失】</t>
    <rPh sb="6" eb="8">
      <t>ソンシツ</t>
    </rPh>
    <phoneticPr fontId="24"/>
  </si>
  <si>
    <t>・・・・・・・・・・・・・・・・・・</t>
    <phoneticPr fontId="11"/>
  </si>
  <si>
    <t>・・・・・・・・・・・・・・・・・・・・・</t>
  </si>
  <si>
    <t>・・・・・・・・・・・・・・・・・・・・・</t>
    <phoneticPr fontId="11"/>
  </si>
  <si>
    <t>一般会計</t>
    <rPh sb="0" eb="4">
      <t>イッパンカイケイ</t>
    </rPh>
    <phoneticPr fontId="24"/>
  </si>
  <si>
    <t>一般会計</t>
    <rPh sb="0" eb="4">
      <t>イッパンカイケイ</t>
    </rPh>
    <phoneticPr fontId="24"/>
  </si>
  <si>
    <t>附  　属 　</t>
    <phoneticPr fontId="24"/>
  </si>
  <si>
    <t>　明 　 細　  表</t>
    <phoneticPr fontId="24"/>
  </si>
  <si>
    <t xml:space="preserve">基 金 </t>
    <phoneticPr fontId="24"/>
  </si>
  <si>
    <t>明 細 表</t>
    <phoneticPr fontId="24"/>
  </si>
  <si>
    <t>出 資 金</t>
    <phoneticPr fontId="24"/>
  </si>
  <si>
    <t>明 細 表</t>
    <phoneticPr fontId="24"/>
  </si>
  <si>
    <t>引 当 金</t>
    <phoneticPr fontId="24"/>
  </si>
  <si>
    <t>食肉市場事業会計</t>
    <rPh sb="0" eb="2">
      <t>ショクニク</t>
    </rPh>
    <rPh sb="2" eb="4">
      <t>シジョウ</t>
    </rPh>
    <rPh sb="4" eb="6">
      <t>ジギョウ</t>
    </rPh>
    <rPh sb="6" eb="8">
      <t>カイケイ</t>
    </rPh>
    <phoneticPr fontId="24"/>
  </si>
  <si>
    <t>食肉市場事業会計</t>
    <rPh sb="0" eb="2">
      <t>ショクニク</t>
    </rPh>
    <rPh sb="2" eb="8">
      <t>シジョウジギョウカイケイ</t>
    </rPh>
    <phoneticPr fontId="24"/>
  </si>
  <si>
    <t>食肉市場事業会計</t>
    <rPh sb="0" eb="6">
      <t>ショクニクシジョウジギョウ</t>
    </rPh>
    <rPh sb="6" eb="8">
      <t>カイケイ</t>
    </rPh>
    <phoneticPr fontId="24"/>
  </si>
  <si>
    <t>　有形固定資産及び無形固定資産は取得原価から減価償却累計額を控除した価額をもって計上しております。減価償却の方法は次のとおりです。
（１）事業用資産及びインフラ資産
　定額法によっております。
　なお、主な耐用年数は次のとおりです。
　　建物　：14～50年
　　工作物： 7～60年
（２）重要物品
　定額法によっております。
　なお、主な耐用年数は次のとおりです。
　　機械器具類：2～15年
　　自動車　　：3～ 8年</t>
    <rPh sb="16" eb="18">
      <t>シュトク</t>
    </rPh>
    <rPh sb="18" eb="20">
      <t>ゲンカ</t>
    </rPh>
    <rPh sb="22" eb="24">
      <t>ゲンカ</t>
    </rPh>
    <rPh sb="24" eb="26">
      <t>ショウキャク</t>
    </rPh>
    <rPh sb="26" eb="28">
      <t>ルイケイ</t>
    </rPh>
    <rPh sb="28" eb="29">
      <t>ガク</t>
    </rPh>
    <rPh sb="30" eb="32">
      <t>コウジョ</t>
    </rPh>
    <rPh sb="34" eb="35">
      <t>カ</t>
    </rPh>
    <rPh sb="35" eb="36">
      <t>ガク</t>
    </rPh>
    <rPh sb="40" eb="42">
      <t>ケイジョウ</t>
    </rPh>
    <rPh sb="49" eb="51">
      <t>ゲンカ</t>
    </rPh>
    <rPh sb="51" eb="53">
      <t>ショウキャク</t>
    </rPh>
    <rPh sb="54" eb="56">
      <t>ホウホウ</t>
    </rPh>
    <rPh sb="57" eb="58">
      <t>ツギ</t>
    </rPh>
    <rPh sb="69" eb="72">
      <t>ジギョウヨウ</t>
    </rPh>
    <rPh sb="72" eb="74">
      <t>シサン</t>
    </rPh>
    <rPh sb="74" eb="75">
      <t>オヨ</t>
    </rPh>
    <rPh sb="80" eb="82">
      <t>シサン</t>
    </rPh>
    <rPh sb="84" eb="86">
      <t>テイガク</t>
    </rPh>
    <rPh sb="86" eb="87">
      <t>ホウ</t>
    </rPh>
    <rPh sb="101" eb="102">
      <t>オモ</t>
    </rPh>
    <rPh sb="103" eb="105">
      <t>タイヨウ</t>
    </rPh>
    <rPh sb="105" eb="107">
      <t>ネンスウ</t>
    </rPh>
    <rPh sb="108" eb="109">
      <t>ツギ</t>
    </rPh>
    <rPh sb="119" eb="121">
      <t>タテモノ</t>
    </rPh>
    <rPh sb="128" eb="129">
      <t>ネン</t>
    </rPh>
    <rPh sb="132" eb="135">
      <t>コウサクブツ</t>
    </rPh>
    <rPh sb="141" eb="142">
      <t>ネン</t>
    </rPh>
    <rPh sb="146" eb="148">
      <t>ジュウヨウ</t>
    </rPh>
    <rPh sb="148" eb="150">
      <t>ブッピン</t>
    </rPh>
    <rPh sb="187" eb="189">
      <t>キカイ</t>
    </rPh>
    <rPh sb="189" eb="191">
      <t>キグ</t>
    </rPh>
    <rPh sb="191" eb="192">
      <t>ルイ</t>
    </rPh>
    <rPh sb="201" eb="204">
      <t>ジドウシャ</t>
    </rPh>
    <phoneticPr fontId="34"/>
  </si>
  <si>
    <t>【新型コロナウイルス感染症による損失】</t>
    <phoneticPr fontId="24"/>
  </si>
  <si>
    <t>（令和2年3月31日）</t>
    <phoneticPr fontId="7"/>
  </si>
  <si>
    <t>（自平成31年4月1日　至令和2年3月31日）</t>
    <phoneticPr fontId="24"/>
  </si>
  <si>
    <t>（自平成31年4月1日　至令和2年3月31日）</t>
    <phoneticPr fontId="7"/>
  </si>
  <si>
    <t>大阪市交通政策基金</t>
  </si>
  <si>
    <t>大阪市元気づくり基金</t>
    <rPh sb="0" eb="3">
      <t>オオサカシ</t>
    </rPh>
    <rPh sb="3" eb="5">
      <t>ゲンキ</t>
    </rPh>
    <rPh sb="8" eb="10">
      <t>キキン</t>
    </rPh>
    <phoneticPr fontId="12"/>
  </si>
  <si>
    <t>大阪市区政推進基金</t>
    <rPh sb="3" eb="5">
      <t>クセイ</t>
    </rPh>
    <rPh sb="5" eb="7">
      <t>スイシン</t>
    </rPh>
    <rPh sb="7" eb="9">
      <t>キキン</t>
    </rPh>
    <phoneticPr fontId="14"/>
  </si>
  <si>
    <t>大阪市男女共同参画施策推進基金</t>
    <rPh sb="3" eb="5">
      <t>ダンジョ</t>
    </rPh>
    <rPh sb="5" eb="7">
      <t>キョウドウ</t>
    </rPh>
    <rPh sb="7" eb="9">
      <t>サンカク</t>
    </rPh>
    <rPh sb="9" eb="10">
      <t>セ</t>
    </rPh>
    <rPh sb="10" eb="11">
      <t>サク</t>
    </rPh>
    <rPh sb="11" eb="13">
      <t>スイシン</t>
    </rPh>
    <rPh sb="13" eb="15">
      <t>キキン</t>
    </rPh>
    <phoneticPr fontId="14"/>
  </si>
  <si>
    <t>大阪市雇用施策推進基金</t>
    <rPh sb="3" eb="5">
      <t>コヨウ</t>
    </rPh>
    <rPh sb="5" eb="7">
      <t>シサク</t>
    </rPh>
    <rPh sb="7" eb="9">
      <t>スイシン</t>
    </rPh>
    <rPh sb="9" eb="11">
      <t>キキン</t>
    </rPh>
    <phoneticPr fontId="14"/>
  </si>
  <si>
    <t>大阪市財政調整基金</t>
    <rPh sb="3" eb="5">
      <t>ザイセイ</t>
    </rPh>
    <rPh sb="5" eb="7">
      <t>チョウセイ</t>
    </rPh>
    <rPh sb="7" eb="9">
      <t>キキン</t>
    </rPh>
    <phoneticPr fontId="14"/>
  </si>
  <si>
    <t>都市整備事業基金</t>
    <rPh sb="0" eb="2">
      <t>トシ</t>
    </rPh>
    <rPh sb="2" eb="4">
      <t>セイビ</t>
    </rPh>
    <rPh sb="4" eb="6">
      <t>ジギョウ</t>
    </rPh>
    <rPh sb="6" eb="8">
      <t>キキン</t>
    </rPh>
    <phoneticPr fontId="14"/>
  </si>
  <si>
    <t>大阪市駐車対策推進基金</t>
    <rPh sb="3" eb="5">
      <t>チュウシャ</t>
    </rPh>
    <rPh sb="5" eb="7">
      <t>タイサク</t>
    </rPh>
    <rPh sb="7" eb="9">
      <t>スイシン</t>
    </rPh>
    <rPh sb="9" eb="11">
      <t>キキン</t>
    </rPh>
    <phoneticPr fontId="14"/>
  </si>
  <si>
    <t>渡邊心身障害者福祉基金</t>
    <rPh sb="0" eb="2">
      <t>ワタナベ</t>
    </rPh>
    <rPh sb="2" eb="4">
      <t>シンシン</t>
    </rPh>
    <rPh sb="4" eb="7">
      <t>ショウガイシャ</t>
    </rPh>
    <rPh sb="7" eb="9">
      <t>フクシ</t>
    </rPh>
    <rPh sb="9" eb="11">
      <t>キキン</t>
    </rPh>
    <phoneticPr fontId="14"/>
  </si>
  <si>
    <t>大阪市おとしより健康基金</t>
    <rPh sb="8" eb="10">
      <t>ケンコウ</t>
    </rPh>
    <rPh sb="10" eb="12">
      <t>キキン</t>
    </rPh>
    <phoneticPr fontId="14"/>
  </si>
  <si>
    <t>大阪市動物愛護管理施策推進基金</t>
    <rPh sb="0" eb="3">
      <t>オオサカシ</t>
    </rPh>
    <rPh sb="3" eb="5">
      <t>ドウブツ</t>
    </rPh>
    <rPh sb="5" eb="7">
      <t>アイゴ</t>
    </rPh>
    <rPh sb="7" eb="9">
      <t>カンリ</t>
    </rPh>
    <rPh sb="9" eb="10">
      <t>セ</t>
    </rPh>
    <rPh sb="10" eb="11">
      <t>サク</t>
    </rPh>
    <rPh sb="11" eb="13">
      <t>スイシン</t>
    </rPh>
    <rPh sb="13" eb="15">
      <t>キキン</t>
    </rPh>
    <phoneticPr fontId="14"/>
  </si>
  <si>
    <t>大阪市青少年活動振興基金</t>
    <rPh sb="3" eb="6">
      <t>セイショウネン</t>
    </rPh>
    <rPh sb="6" eb="8">
      <t>カツドウ</t>
    </rPh>
    <rPh sb="8" eb="10">
      <t>シンコウ</t>
    </rPh>
    <rPh sb="10" eb="12">
      <t>キキン</t>
    </rPh>
    <phoneticPr fontId="14"/>
  </si>
  <si>
    <t>大阪市環境創造基金</t>
    <rPh sb="3" eb="5">
      <t>カンキョウ</t>
    </rPh>
    <rPh sb="5" eb="7">
      <t>ソウゾウ</t>
    </rPh>
    <rPh sb="7" eb="9">
      <t>キキン</t>
    </rPh>
    <phoneticPr fontId="14"/>
  </si>
  <si>
    <t>大阪市環境美化運動推進基金</t>
    <rPh sb="3" eb="5">
      <t>カンキョウ</t>
    </rPh>
    <rPh sb="5" eb="7">
      <t>ビカ</t>
    </rPh>
    <rPh sb="7" eb="9">
      <t>ウンドウ</t>
    </rPh>
    <rPh sb="9" eb="11">
      <t>スイシン</t>
    </rPh>
    <rPh sb="11" eb="13">
      <t>キキン</t>
    </rPh>
    <phoneticPr fontId="14"/>
  </si>
  <si>
    <t>大阪市設泉南メモリアルパーク運営基金</t>
    <rPh sb="3" eb="4">
      <t>セツ</t>
    </rPh>
    <rPh sb="4" eb="6">
      <t>センナン</t>
    </rPh>
    <rPh sb="14" eb="16">
      <t>ウンエイ</t>
    </rPh>
    <rPh sb="16" eb="18">
      <t>キキン</t>
    </rPh>
    <phoneticPr fontId="14"/>
  </si>
  <si>
    <t>大阪市花と緑のまちづくり推進基金</t>
    <rPh sb="3" eb="4">
      <t>ハナ</t>
    </rPh>
    <rPh sb="5" eb="6">
      <t>ミドリ</t>
    </rPh>
    <rPh sb="12" eb="14">
      <t>スイシン</t>
    </rPh>
    <rPh sb="14" eb="16">
      <t>キキン</t>
    </rPh>
    <phoneticPr fontId="14"/>
  </si>
  <si>
    <t>大阪港振興基金</t>
    <rPh sb="0" eb="3">
      <t>オオサカコウ</t>
    </rPh>
    <rPh sb="3" eb="5">
      <t>シンコウ</t>
    </rPh>
    <rPh sb="5" eb="7">
      <t>キキン</t>
    </rPh>
    <phoneticPr fontId="14"/>
  </si>
  <si>
    <t>大阪市地域活性化事業基金</t>
    <rPh sb="3" eb="5">
      <t>チイキ</t>
    </rPh>
    <rPh sb="5" eb="8">
      <t>カッセイカ</t>
    </rPh>
    <rPh sb="8" eb="10">
      <t>ジギョウ</t>
    </rPh>
    <rPh sb="10" eb="12">
      <t>キキン</t>
    </rPh>
    <phoneticPr fontId="14"/>
  </si>
  <si>
    <t>大阪市教育振興基金</t>
    <rPh sb="3" eb="5">
      <t>キョウイク</t>
    </rPh>
    <rPh sb="5" eb="7">
      <t>シンコウ</t>
    </rPh>
    <rPh sb="7" eb="9">
      <t>キキン</t>
    </rPh>
    <phoneticPr fontId="14"/>
  </si>
  <si>
    <t>田村教育振興基金</t>
    <rPh sb="0" eb="2">
      <t>タムラ</t>
    </rPh>
    <rPh sb="2" eb="4">
      <t>キョウイク</t>
    </rPh>
    <rPh sb="4" eb="6">
      <t>シンコウ</t>
    </rPh>
    <rPh sb="6" eb="8">
      <t>キキン</t>
    </rPh>
    <phoneticPr fontId="14"/>
  </si>
  <si>
    <t>物品購買基金</t>
    <rPh sb="0" eb="2">
      <t>ブッピン</t>
    </rPh>
    <rPh sb="2" eb="4">
      <t>コウバイ</t>
    </rPh>
    <rPh sb="4" eb="6">
      <t>キキン</t>
    </rPh>
    <phoneticPr fontId="14"/>
  </si>
  <si>
    <t>小口支払基金</t>
    <rPh sb="0" eb="2">
      <t>コグチ</t>
    </rPh>
    <rPh sb="2" eb="4">
      <t>シハライ</t>
    </rPh>
    <rPh sb="4" eb="6">
      <t>キキン</t>
    </rPh>
    <phoneticPr fontId="14"/>
  </si>
  <si>
    <t>不動産運用基金</t>
    <rPh sb="0" eb="3">
      <t>フドウサン</t>
    </rPh>
    <rPh sb="3" eb="5">
      <t>ウンヨウ</t>
    </rPh>
    <rPh sb="5" eb="7">
      <t>キキン</t>
    </rPh>
    <phoneticPr fontId="14"/>
  </si>
  <si>
    <t>災害救助基金</t>
    <rPh sb="0" eb="2">
      <t>サイガイ</t>
    </rPh>
    <rPh sb="2" eb="4">
      <t>キュウジョ</t>
    </rPh>
    <rPh sb="4" eb="6">
      <t>キキン</t>
    </rPh>
    <phoneticPr fontId="7"/>
  </si>
  <si>
    <t>地方公共団体情報システム機構</t>
    <rPh sb="0" eb="2">
      <t>チホウ</t>
    </rPh>
    <rPh sb="2" eb="4">
      <t>コウキョウ</t>
    </rPh>
    <rPh sb="4" eb="6">
      <t>ダンタイ</t>
    </rPh>
    <rPh sb="6" eb="8">
      <t>ジョウホウ</t>
    </rPh>
    <rPh sb="12" eb="14">
      <t>キコウ</t>
    </rPh>
    <phoneticPr fontId="14"/>
  </si>
  <si>
    <t>（一財）地方公務員安全衛生推進協会</t>
    <rPh sb="16" eb="17">
      <t>カイ</t>
    </rPh>
    <phoneticPr fontId="14"/>
  </si>
  <si>
    <t>大阪信用保証協会</t>
    <rPh sb="0" eb="2">
      <t>オオサカ</t>
    </rPh>
    <rPh sb="2" eb="4">
      <t>シンヨウ</t>
    </rPh>
    <rPh sb="4" eb="6">
      <t>ホショウ</t>
    </rPh>
    <rPh sb="6" eb="8">
      <t>キョウカイ</t>
    </rPh>
    <phoneticPr fontId="14"/>
  </si>
  <si>
    <t>（一財）大阪府地域支援人権金融公社</t>
    <rPh sb="4" eb="7">
      <t>オオサカフ</t>
    </rPh>
    <rPh sb="7" eb="9">
      <t>チイキ</t>
    </rPh>
    <rPh sb="9" eb="11">
      <t>シエン</t>
    </rPh>
    <rPh sb="11" eb="13">
      <t>ジンケン</t>
    </rPh>
    <rPh sb="13" eb="15">
      <t>キンユウ</t>
    </rPh>
    <rPh sb="15" eb="17">
      <t>コウシャ</t>
    </rPh>
    <phoneticPr fontId="14"/>
  </si>
  <si>
    <t>（一財）伝統的工芸品産業振興協会</t>
    <rPh sb="4" eb="7">
      <t>_x0002__x0002__x0008__x0004__x0002__x000C_</t>
    </rPh>
    <rPh sb="7" eb="10">
      <t>_x0006__x0003__x0012_	_x0003__x0018_</t>
    </rPh>
    <rPh sb="10" eb="12">
      <t>_x000C__x0002__x001D__x000E__x0002_</t>
    </rPh>
    <rPh sb="12" eb="14">
      <t>!_x0010__x0002__x0000_</t>
    </rPh>
    <rPh sb="14" eb="16">
      <t/>
    </rPh>
    <phoneticPr fontId="14"/>
  </si>
  <si>
    <t>（公財）関西・大阪二十一世紀協会</t>
    <rPh sb="4" eb="6">
      <t>カンサイ</t>
    </rPh>
    <rPh sb="7" eb="9">
      <t>オオサカ</t>
    </rPh>
    <rPh sb="9" eb="12">
      <t>ニジュウイチ</t>
    </rPh>
    <rPh sb="12" eb="14">
      <t>セイキ</t>
    </rPh>
    <rPh sb="14" eb="16">
      <t>キョウカイ</t>
    </rPh>
    <phoneticPr fontId="14"/>
  </si>
  <si>
    <t>（一財）地域活性化センター</t>
    <rPh sb="4" eb="6">
      <t>チイキ</t>
    </rPh>
    <rPh sb="6" eb="9">
      <t>カッセイカ</t>
    </rPh>
    <phoneticPr fontId="14"/>
  </si>
  <si>
    <t>（公財）大阪国際交流センター</t>
    <rPh sb="4" eb="6">
      <t>オオサカ</t>
    </rPh>
    <rPh sb="6" eb="8">
      <t>コクサイ</t>
    </rPh>
    <rPh sb="8" eb="10">
      <t>コウリュウ</t>
    </rPh>
    <phoneticPr fontId="14"/>
  </si>
  <si>
    <t>（公財）太平洋人材交流センター</t>
    <rPh sb="4" eb="7">
      <t>タイヘイヨウ</t>
    </rPh>
    <rPh sb="7" eb="9">
      <t>ジンザイ</t>
    </rPh>
    <rPh sb="9" eb="11">
      <t>コウリュウ</t>
    </rPh>
    <phoneticPr fontId="14"/>
  </si>
  <si>
    <t>（公財）大阪コミュニティ財団</t>
    <rPh sb="4" eb="6">
      <t>オオサカ</t>
    </rPh>
    <rPh sb="12" eb="14">
      <t>ザイダン</t>
    </rPh>
    <phoneticPr fontId="14"/>
  </si>
  <si>
    <t>（一財）アジア太平洋観光交流センター</t>
    <rPh sb="7" eb="10">
      <t>タイヘイヨウ</t>
    </rPh>
    <rPh sb="10" eb="12">
      <t>カンコウ</t>
    </rPh>
    <rPh sb="12" eb="14">
      <t>コウリュウ</t>
    </rPh>
    <phoneticPr fontId="7"/>
  </si>
  <si>
    <t>（公財）大阪観光局</t>
    <rPh sb="4" eb="6">
      <t>オオサカ</t>
    </rPh>
    <rPh sb="6" eb="9">
      <t>カンコウキョク</t>
    </rPh>
    <phoneticPr fontId="7"/>
  </si>
  <si>
    <t>（地独）大阪産業技術研究所</t>
    <rPh sb="1" eb="2">
      <t>チ</t>
    </rPh>
    <rPh sb="2" eb="3">
      <t>ドク</t>
    </rPh>
    <phoneticPr fontId="14"/>
  </si>
  <si>
    <t>（公大）大阪</t>
    <rPh sb="1" eb="2">
      <t>コウ</t>
    </rPh>
    <rPh sb="2" eb="3">
      <t>ダイ</t>
    </rPh>
    <phoneticPr fontId="14"/>
  </si>
  <si>
    <t>（地独）大阪市博物館機構</t>
    <rPh sb="1" eb="2">
      <t>チ</t>
    </rPh>
    <rPh sb="2" eb="3">
      <t>ドク</t>
    </rPh>
    <rPh sb="4" eb="7">
      <t>オオサカシ</t>
    </rPh>
    <rPh sb="7" eb="10">
      <t>ハクブツカン</t>
    </rPh>
    <rPh sb="10" eb="12">
      <t>キコウ</t>
    </rPh>
    <phoneticPr fontId="18"/>
  </si>
  <si>
    <t>（公財）大阪産業局</t>
    <rPh sb="1" eb="2">
      <t>コウ</t>
    </rPh>
    <rPh sb="2" eb="3">
      <t>ザイ</t>
    </rPh>
    <rPh sb="4" eb="9">
      <t>オオサカサンギョウキョク</t>
    </rPh>
    <phoneticPr fontId="18"/>
  </si>
  <si>
    <t>（公財）国立京都国際会館</t>
    <rPh sb="4" eb="6">
      <t>コクリツ</t>
    </rPh>
    <rPh sb="6" eb="8">
      <t>キョウト</t>
    </rPh>
    <rPh sb="8" eb="10">
      <t>コクサイ</t>
    </rPh>
    <rPh sb="10" eb="12">
      <t>カイカン</t>
    </rPh>
    <phoneticPr fontId="14"/>
  </si>
  <si>
    <t>（公財）大阪人権博物館</t>
    <rPh sb="4" eb="6">
      <t>オオサカ</t>
    </rPh>
    <rPh sb="6" eb="8">
      <t>ジンケン</t>
    </rPh>
    <rPh sb="8" eb="11">
      <t>ハクブツカン</t>
    </rPh>
    <phoneticPr fontId="14"/>
  </si>
  <si>
    <t>（一財）アジア・太平洋人権情報センター</t>
    <rPh sb="8" eb="11">
      <t>タイヘイヨウ</t>
    </rPh>
    <rPh sb="11" eb="13">
      <t>ジンケン</t>
    </rPh>
    <rPh sb="13" eb="15">
      <t>ジョウホウ</t>
    </rPh>
    <phoneticPr fontId="14"/>
  </si>
  <si>
    <t>地方公共団体金融機構</t>
    <rPh sb="0" eb="2">
      <t>チホウ</t>
    </rPh>
    <rPh sb="2" eb="4">
      <t>コウキョウ</t>
    </rPh>
    <rPh sb="4" eb="6">
      <t>ダンタイ</t>
    </rPh>
    <rPh sb="6" eb="8">
      <t>キンユウ</t>
    </rPh>
    <rPh sb="8" eb="10">
      <t>キコウ</t>
    </rPh>
    <phoneticPr fontId="14"/>
  </si>
  <si>
    <t>（一財）大阪建築防災センター</t>
    <rPh sb="1" eb="2">
      <t>イチ</t>
    </rPh>
    <phoneticPr fontId="14"/>
  </si>
  <si>
    <t>（一財）地域総合整備財団</t>
  </si>
  <si>
    <t>（一財）関西観光本部</t>
  </si>
  <si>
    <t>（社福）大阪社会医療センター</t>
    <rPh sb="1" eb="3">
      <t>シャフク</t>
    </rPh>
    <rPh sb="4" eb="6">
      <t>オオサカ</t>
    </rPh>
    <rPh sb="6" eb="8">
      <t>シャカイ</t>
    </rPh>
    <rPh sb="8" eb="10">
      <t>イリョウ</t>
    </rPh>
    <phoneticPr fontId="6"/>
  </si>
  <si>
    <t>（一財）大阪府地域福祉推進財団</t>
    <rPh sb="4" eb="7">
      <t>オオサカフ</t>
    </rPh>
    <rPh sb="7" eb="9">
      <t>チイキ</t>
    </rPh>
    <rPh sb="9" eb="11">
      <t>フクシ</t>
    </rPh>
    <rPh sb="11" eb="13">
      <t>スイシン</t>
    </rPh>
    <rPh sb="13" eb="15">
      <t>ザイダン</t>
    </rPh>
    <phoneticPr fontId="6"/>
  </si>
  <si>
    <t>（地独）大阪市民病院機構</t>
    <rPh sb="1" eb="2">
      <t>チ</t>
    </rPh>
    <rPh sb="2" eb="3">
      <t>ドク</t>
    </rPh>
    <rPh sb="4" eb="6">
      <t>オオサカ</t>
    </rPh>
    <rPh sb="6" eb="8">
      <t>シミン</t>
    </rPh>
    <rPh sb="8" eb="10">
      <t>ビョウイン</t>
    </rPh>
    <rPh sb="10" eb="12">
      <t>キコウ</t>
    </rPh>
    <phoneticPr fontId="14"/>
  </si>
  <si>
    <t>（地独）大阪健康安全基盤研究所</t>
  </si>
  <si>
    <t>（一財）大阪市青少年活動協会</t>
  </si>
  <si>
    <t>大阪湾広域臨海環境整備センター</t>
    <rPh sb="0" eb="2">
      <t>オオサカ</t>
    </rPh>
    <rPh sb="2" eb="3">
      <t>ワン</t>
    </rPh>
    <rPh sb="3" eb="5">
      <t>コウイキ</t>
    </rPh>
    <rPh sb="5" eb="7">
      <t>リンカイ</t>
    </rPh>
    <rPh sb="7" eb="9">
      <t>カンキョウ</t>
    </rPh>
    <rPh sb="9" eb="11">
      <t>セイビ</t>
    </rPh>
    <phoneticPr fontId="14"/>
  </si>
  <si>
    <t>（公財）地球環境センター</t>
    <rPh sb="4" eb="6">
      <t>チキュウ</t>
    </rPh>
    <rPh sb="6" eb="8">
      <t>カンキョウ</t>
    </rPh>
    <phoneticPr fontId="14"/>
  </si>
  <si>
    <t>（公財）国際エメックスセンター</t>
    <rPh sb="4" eb="6">
      <t>コクサイ</t>
    </rPh>
    <phoneticPr fontId="14"/>
  </si>
  <si>
    <t>（独）都市再生機構</t>
  </si>
  <si>
    <t>（公財）区画整理促進機構</t>
  </si>
  <si>
    <t>（公財）河川財団</t>
    <rPh sb="4" eb="6">
      <t>カセン</t>
    </rPh>
    <rPh sb="6" eb="8">
      <t>ザイダン</t>
    </rPh>
    <phoneticPr fontId="14"/>
  </si>
  <si>
    <t>（一財）河川情報センター</t>
    <rPh sb="4" eb="6">
      <t>カセン</t>
    </rPh>
    <rPh sb="6" eb="8">
      <t>ジョウホウ</t>
    </rPh>
    <phoneticPr fontId="14"/>
  </si>
  <si>
    <t>（一財）道路管理センター</t>
    <rPh sb="4" eb="6">
      <t>ドウロ</t>
    </rPh>
    <rPh sb="6" eb="8">
      <t>カンリ</t>
    </rPh>
    <phoneticPr fontId="14"/>
  </si>
  <si>
    <t>（公財）リバーフロント研究所</t>
    <rPh sb="11" eb="14">
      <t>ケンキュウジョ</t>
    </rPh>
    <phoneticPr fontId="14"/>
  </si>
  <si>
    <t>（公財）大阪みどりのトラスト協会</t>
    <rPh sb="4" eb="6">
      <t>オオサカ</t>
    </rPh>
    <rPh sb="14" eb="16">
      <t>キョウカイ</t>
    </rPh>
    <phoneticPr fontId="14"/>
  </si>
  <si>
    <t>（公財）国際花と緑の博覧会記念協会</t>
    <rPh sb="4" eb="6">
      <t>コクサイ</t>
    </rPh>
    <rPh sb="6" eb="7">
      <t>ハナ</t>
    </rPh>
    <rPh sb="8" eb="9">
      <t>ミドリ</t>
    </rPh>
    <rPh sb="10" eb="12">
      <t>ハクラン</t>
    </rPh>
    <rPh sb="12" eb="13">
      <t>カイ</t>
    </rPh>
    <rPh sb="13" eb="15">
      <t>キネン</t>
    </rPh>
    <rPh sb="15" eb="17">
      <t>キョウカイ</t>
    </rPh>
    <phoneticPr fontId="14"/>
  </si>
  <si>
    <t>（一財）みなと総合研究財団</t>
    <rPh sb="1" eb="2">
      <t>イチ</t>
    </rPh>
    <rPh sb="2" eb="3">
      <t>ザイ</t>
    </rPh>
    <rPh sb="7" eb="9">
      <t>ソウゴウ</t>
    </rPh>
    <rPh sb="9" eb="11">
      <t>ケンキュウ</t>
    </rPh>
    <rPh sb="11" eb="13">
      <t>ザイダン</t>
    </rPh>
    <phoneticPr fontId="13"/>
  </si>
  <si>
    <t>（一財）港湾空港総合技術センター</t>
    <rPh sb="4" eb="6">
      <t>コウワン</t>
    </rPh>
    <rPh sb="6" eb="8">
      <t>クウコウ</t>
    </rPh>
    <rPh sb="8" eb="10">
      <t>ソウゴウ</t>
    </rPh>
    <rPh sb="10" eb="12">
      <t>ギジュツ</t>
    </rPh>
    <phoneticPr fontId="14"/>
  </si>
  <si>
    <t>（公財）消防育英会</t>
    <rPh sb="4" eb="6">
      <t>ショウボウ</t>
    </rPh>
    <rPh sb="6" eb="9">
      <t>イクエイカイ</t>
    </rPh>
    <phoneticPr fontId="14"/>
  </si>
  <si>
    <t>（一財）千里文化財団</t>
    <rPh sb="4" eb="6">
      <t>センリ</t>
    </rPh>
    <rPh sb="6" eb="8">
      <t>ブンカ</t>
    </rPh>
    <rPh sb="8" eb="10">
      <t>ザイダン</t>
    </rPh>
    <phoneticPr fontId="14"/>
  </si>
  <si>
    <t>（公財）大阪国際平和センター</t>
    <rPh sb="4" eb="6">
      <t>オオサカ</t>
    </rPh>
    <rPh sb="6" eb="8">
      <t>コクサイ</t>
    </rPh>
    <rPh sb="8" eb="10">
      <t>ヘイワ</t>
    </rPh>
    <phoneticPr fontId="14"/>
  </si>
  <si>
    <t>大阪市中央卸売市場事業会計</t>
    <rPh sb="0" eb="3">
      <t>オオサカシ</t>
    </rPh>
    <rPh sb="3" eb="5">
      <t>チュウオウ</t>
    </rPh>
    <rPh sb="5" eb="7">
      <t>オロシウリ</t>
    </rPh>
    <rPh sb="7" eb="9">
      <t>シジョウ</t>
    </rPh>
    <rPh sb="9" eb="11">
      <t>ジギョウ</t>
    </rPh>
    <rPh sb="11" eb="13">
      <t>カイケイ</t>
    </rPh>
    <phoneticPr fontId="14"/>
  </si>
  <si>
    <t>大阪市港営事業会計</t>
    <rPh sb="3" eb="4">
      <t>ミナト</t>
    </rPh>
    <rPh sb="4" eb="5">
      <t>エイ</t>
    </rPh>
    <rPh sb="5" eb="7">
      <t>ジギョウ</t>
    </rPh>
    <rPh sb="7" eb="9">
      <t>カイケイ</t>
    </rPh>
    <phoneticPr fontId="14"/>
  </si>
  <si>
    <t>大阪市下水道事業会計</t>
    <rPh sb="3" eb="8">
      <t>ゲスイドウジギョウ</t>
    </rPh>
    <rPh sb="8" eb="10">
      <t>カイケイ</t>
    </rPh>
    <phoneticPr fontId="14"/>
  </si>
  <si>
    <t>大阪市水道事業会計</t>
    <rPh sb="3" eb="5">
      <t>スイドウ</t>
    </rPh>
    <rPh sb="5" eb="7">
      <t>ジギョウ</t>
    </rPh>
    <rPh sb="7" eb="9">
      <t>カイケイ</t>
    </rPh>
    <phoneticPr fontId="14"/>
  </si>
  <si>
    <t>大阪市工業用水道事業会計</t>
    <rPh sb="3" eb="6">
      <t>コウギョウヨウ</t>
    </rPh>
    <rPh sb="6" eb="8">
      <t>スイドウ</t>
    </rPh>
    <rPh sb="8" eb="10">
      <t>ジギョウ</t>
    </rPh>
    <rPh sb="10" eb="12">
      <t>カイケイ</t>
    </rPh>
    <phoneticPr fontId="14"/>
  </si>
  <si>
    <t>大阪府地域支援人権金融公社貸付金</t>
  </si>
  <si>
    <t>アジア太平洋トレードセンター貸付金</t>
  </si>
  <si>
    <t>公立大学法人大阪貸付金</t>
  </si>
  <si>
    <t>渋滞対策特定都市高速道路整備事業貸付金</t>
    <rPh sb="0" eb="2">
      <t>ジュウタイ</t>
    </rPh>
    <rPh sb="2" eb="4">
      <t>タイサク</t>
    </rPh>
    <rPh sb="4" eb="6">
      <t>トクテイ</t>
    </rPh>
    <rPh sb="6" eb="8">
      <t>トシ</t>
    </rPh>
    <rPh sb="8" eb="10">
      <t>コウソク</t>
    </rPh>
    <rPh sb="10" eb="12">
      <t>ドウロ</t>
    </rPh>
    <rPh sb="12" eb="14">
      <t>セイビ</t>
    </rPh>
    <rPh sb="14" eb="16">
      <t>ジギョウ</t>
    </rPh>
    <rPh sb="16" eb="18">
      <t>カシツケ</t>
    </rPh>
    <rPh sb="18" eb="19">
      <t>キン</t>
    </rPh>
    <phoneticPr fontId="5"/>
  </si>
  <si>
    <t>関西国際空港第2期用地造成事業貸付金</t>
    <rPh sb="0" eb="2">
      <t>カンサイ</t>
    </rPh>
    <rPh sb="2" eb="4">
      <t>コクサイ</t>
    </rPh>
    <rPh sb="4" eb="6">
      <t>クウコウ</t>
    </rPh>
    <rPh sb="6" eb="7">
      <t>ダイ</t>
    </rPh>
    <rPh sb="8" eb="9">
      <t>キ</t>
    </rPh>
    <rPh sb="9" eb="11">
      <t>ヨウチ</t>
    </rPh>
    <rPh sb="11" eb="13">
      <t>ゾウセイ</t>
    </rPh>
    <rPh sb="13" eb="15">
      <t>ジギョウ</t>
    </rPh>
    <rPh sb="15" eb="17">
      <t>カシツケ</t>
    </rPh>
    <rPh sb="17" eb="18">
      <t>キン</t>
    </rPh>
    <phoneticPr fontId="5"/>
  </si>
  <si>
    <t>大阪外環状線整備事業費貸付金</t>
    <rPh sb="0" eb="2">
      <t>オオサカ</t>
    </rPh>
    <rPh sb="2" eb="3">
      <t>ソト</t>
    </rPh>
    <rPh sb="3" eb="5">
      <t>カンジョウ</t>
    </rPh>
    <rPh sb="5" eb="6">
      <t>セン</t>
    </rPh>
    <rPh sb="6" eb="8">
      <t>セイビ</t>
    </rPh>
    <rPh sb="8" eb="10">
      <t>ジギョウ</t>
    </rPh>
    <rPh sb="10" eb="11">
      <t>ヒ</t>
    </rPh>
    <rPh sb="11" eb="13">
      <t>カシツケ</t>
    </rPh>
    <rPh sb="13" eb="14">
      <t>キン</t>
    </rPh>
    <phoneticPr fontId="5"/>
  </si>
  <si>
    <t>民間老人福祉施設整備資金貸付金</t>
  </si>
  <si>
    <t>国民年金保険料追納資金貸付金</t>
  </si>
  <si>
    <t>緊急援護資金貸付金</t>
    <rPh sb="0" eb="2">
      <t>キンキュウ</t>
    </rPh>
    <rPh sb="2" eb="4">
      <t>エンゴ</t>
    </rPh>
    <rPh sb="4" eb="6">
      <t>シキン</t>
    </rPh>
    <rPh sb="6" eb="8">
      <t>カシツケ</t>
    </rPh>
    <rPh sb="8" eb="9">
      <t>キン</t>
    </rPh>
    <phoneticPr fontId="5"/>
  </si>
  <si>
    <t>重度障がい者(児)スポーツ・文化振興事業貸付金</t>
  </si>
  <si>
    <t>障がい者スポーツ振興事業貸付金</t>
  </si>
  <si>
    <t>大学奨学金貸付金</t>
    <rPh sb="0" eb="2">
      <t>ダイガク</t>
    </rPh>
    <rPh sb="2" eb="5">
      <t>ショウガクキン</t>
    </rPh>
    <rPh sb="5" eb="7">
      <t>カシツケ</t>
    </rPh>
    <rPh sb="7" eb="8">
      <t>キン</t>
    </rPh>
    <phoneticPr fontId="5"/>
  </si>
  <si>
    <t>生活保護施設入所者身元保証事業資金貸付金</t>
    <rPh sb="15" eb="17">
      <t>シキン</t>
    </rPh>
    <phoneticPr fontId="5"/>
  </si>
  <si>
    <t>心身障がい者福祉資金貸付金</t>
  </si>
  <si>
    <t>大阪府育英会事業資金貸付金</t>
    <rPh sb="0" eb="3">
      <t>オオサカフ</t>
    </rPh>
    <rPh sb="3" eb="6">
      <t>イクエイカイ</t>
    </rPh>
    <rPh sb="6" eb="8">
      <t>ジギョウ</t>
    </rPh>
    <rPh sb="8" eb="10">
      <t>シキン</t>
    </rPh>
    <rPh sb="10" eb="12">
      <t>カシツケ</t>
    </rPh>
    <rPh sb="12" eb="13">
      <t>キン</t>
    </rPh>
    <phoneticPr fontId="5"/>
  </si>
  <si>
    <t>介護福祉士等修学資金貸与金</t>
    <rPh sb="10" eb="12">
      <t>タイヨ</t>
    </rPh>
    <rPh sb="12" eb="13">
      <t>キン</t>
    </rPh>
    <phoneticPr fontId="3"/>
  </si>
  <si>
    <t>地方独立行政法人大阪市民病院機構貸付金</t>
    <rPh sb="8" eb="10">
      <t>オオサカ</t>
    </rPh>
    <rPh sb="10" eb="12">
      <t>シミン</t>
    </rPh>
    <rPh sb="12" eb="14">
      <t>ビョウイン</t>
    </rPh>
    <rPh sb="14" eb="16">
      <t>キコウ</t>
    </rPh>
    <rPh sb="16" eb="18">
      <t>カシツケ</t>
    </rPh>
    <rPh sb="18" eb="19">
      <t>キン</t>
    </rPh>
    <phoneticPr fontId="5"/>
  </si>
  <si>
    <t>賃貸住宅建設資金等貸付金</t>
    <rPh sb="0" eb="2">
      <t>チンタイ</t>
    </rPh>
    <rPh sb="2" eb="4">
      <t>ジュウタク</t>
    </rPh>
    <rPh sb="4" eb="6">
      <t>ケンセツ</t>
    </rPh>
    <rPh sb="6" eb="8">
      <t>シキン</t>
    </rPh>
    <rPh sb="8" eb="9">
      <t>トウ</t>
    </rPh>
    <rPh sb="9" eb="11">
      <t>カシツケ</t>
    </rPh>
    <rPh sb="11" eb="12">
      <t>キン</t>
    </rPh>
    <phoneticPr fontId="5"/>
  </si>
  <si>
    <t>賃貸住宅建設用地取得資金貸付金</t>
    <rPh sb="0" eb="2">
      <t>チンタイ</t>
    </rPh>
    <rPh sb="2" eb="4">
      <t>ジュウタク</t>
    </rPh>
    <rPh sb="4" eb="6">
      <t>ケンセツ</t>
    </rPh>
    <rPh sb="6" eb="8">
      <t>ヨウチ</t>
    </rPh>
    <rPh sb="8" eb="10">
      <t>シュトク</t>
    </rPh>
    <rPh sb="10" eb="12">
      <t>シキン</t>
    </rPh>
    <rPh sb="12" eb="14">
      <t>カシツケ</t>
    </rPh>
    <rPh sb="14" eb="15">
      <t>キン</t>
    </rPh>
    <phoneticPr fontId="5"/>
  </si>
  <si>
    <t>賃貸住宅購入資金貸付金</t>
    <rPh sb="0" eb="2">
      <t>チンタイ</t>
    </rPh>
    <rPh sb="2" eb="4">
      <t>ジュウタク</t>
    </rPh>
    <rPh sb="4" eb="6">
      <t>コウニュウ</t>
    </rPh>
    <rPh sb="6" eb="8">
      <t>シキン</t>
    </rPh>
    <rPh sb="8" eb="10">
      <t>カシツケ</t>
    </rPh>
    <rPh sb="10" eb="11">
      <t>キン</t>
    </rPh>
    <phoneticPr fontId="5"/>
  </si>
  <si>
    <t>定期借地方式による用地取得資金貸付金</t>
    <rPh sb="0" eb="2">
      <t>テイキ</t>
    </rPh>
    <rPh sb="2" eb="4">
      <t>シャクチ</t>
    </rPh>
    <rPh sb="4" eb="6">
      <t>ホウシキ</t>
    </rPh>
    <rPh sb="9" eb="11">
      <t>ヨウチ</t>
    </rPh>
    <rPh sb="11" eb="13">
      <t>シュトク</t>
    </rPh>
    <rPh sb="13" eb="15">
      <t>シキン</t>
    </rPh>
    <rPh sb="15" eb="17">
      <t>カシツケ</t>
    </rPh>
    <rPh sb="17" eb="18">
      <t>キン</t>
    </rPh>
    <phoneticPr fontId="5"/>
  </si>
  <si>
    <t>賃貸住宅建設資金貸付金（法円坂2期）</t>
    <rPh sb="0" eb="2">
      <t>チンタイ</t>
    </rPh>
    <rPh sb="2" eb="4">
      <t>ジュウタク</t>
    </rPh>
    <rPh sb="4" eb="6">
      <t>ケンセツ</t>
    </rPh>
    <rPh sb="6" eb="8">
      <t>シキン</t>
    </rPh>
    <rPh sb="8" eb="10">
      <t>カシツケ</t>
    </rPh>
    <rPh sb="10" eb="11">
      <t>キン</t>
    </rPh>
    <rPh sb="12" eb="15">
      <t>ホウエンザカ</t>
    </rPh>
    <rPh sb="16" eb="17">
      <t>キ</t>
    </rPh>
    <phoneticPr fontId="5"/>
  </si>
  <si>
    <t>法人保留床取得資金貸付金</t>
    <rPh sb="0" eb="2">
      <t>ホウジン</t>
    </rPh>
    <rPh sb="2" eb="4">
      <t>ホリュウ</t>
    </rPh>
    <rPh sb="4" eb="5">
      <t>ショウ</t>
    </rPh>
    <rPh sb="5" eb="7">
      <t>シュトク</t>
    </rPh>
    <rPh sb="7" eb="9">
      <t>シキン</t>
    </rPh>
    <rPh sb="9" eb="11">
      <t>カシツケ</t>
    </rPh>
    <rPh sb="11" eb="12">
      <t>キン</t>
    </rPh>
    <phoneticPr fontId="5"/>
  </si>
  <si>
    <t>大阪都市計画道路事業大阪駅前第2号線、大阪駅前第3号線、大阪駅前第4号線、大阪駅前第5号線の整備にかかる資金貸付金</t>
  </si>
  <si>
    <t>大阪都市計画道路長堀東西線整備事業にかかわる社会資本整備特別措置法に基づく無利子貸付金</t>
  </si>
  <si>
    <t>クリスタ長堀株式会社に対する長期貸付金</t>
  </si>
  <si>
    <t>大阪都市計画都市高速鉄道関西本線今宮・湊町間連続立体交差事業にかかわる社会資本整備特別措置法に基づく無利子貸付金</t>
  </si>
  <si>
    <t>外貿埠頭建設資金貸付金</t>
  </si>
  <si>
    <t>フェリー埠頭建設資金貸付金</t>
  </si>
  <si>
    <t>特定国際コンテナ埠頭港湾施設建設等資金貸付金</t>
  </si>
  <si>
    <t>高等学校等奨学金貸付金</t>
    <rPh sb="0" eb="2">
      <t>コウトウ</t>
    </rPh>
    <rPh sb="2" eb="4">
      <t>ガッコウ</t>
    </rPh>
    <rPh sb="4" eb="5">
      <t>ナド</t>
    </rPh>
    <rPh sb="5" eb="8">
      <t>ショウガクキン</t>
    </rPh>
    <rPh sb="8" eb="10">
      <t>カシツケ</t>
    </rPh>
    <rPh sb="10" eb="11">
      <t>キン</t>
    </rPh>
    <phoneticPr fontId="5"/>
  </si>
  <si>
    <t>大阪市食肉市場事業会計貸付金</t>
    <rPh sb="0" eb="3">
      <t>オオサカシ</t>
    </rPh>
    <rPh sb="3" eb="5">
      <t>ショクニク</t>
    </rPh>
    <rPh sb="5" eb="7">
      <t>シジョウ</t>
    </rPh>
    <rPh sb="9" eb="11">
      <t>カイケイ</t>
    </rPh>
    <rPh sb="11" eb="13">
      <t>カシツケ</t>
    </rPh>
    <rPh sb="13" eb="14">
      <t>キン</t>
    </rPh>
    <phoneticPr fontId="5"/>
  </si>
  <si>
    <t>（自平成31年4月1日　至令和2年3月31日）</t>
    <phoneticPr fontId="24"/>
  </si>
  <si>
    <t>令和元年度</t>
    <rPh sb="0" eb="2">
      <t>レイワ</t>
    </rPh>
    <rPh sb="2" eb="4">
      <t>ガンネン</t>
    </rPh>
    <rPh sb="4" eb="5">
      <t>ド</t>
    </rPh>
    <phoneticPr fontId="9"/>
  </si>
  <si>
    <t>食肉市場事業会計</t>
    <phoneticPr fontId="24"/>
  </si>
  <si>
    <t>駐車場事業会計</t>
    <phoneticPr fontId="24"/>
  </si>
  <si>
    <t>母子父子寡婦福祉貸付資金会計</t>
    <phoneticPr fontId="24"/>
  </si>
  <si>
    <t>母子福祉貸付金</t>
    <phoneticPr fontId="24"/>
  </si>
  <si>
    <t>父子福祉貸付金</t>
    <phoneticPr fontId="24"/>
  </si>
  <si>
    <t>寡婦福祉貸付金</t>
    <phoneticPr fontId="24"/>
  </si>
  <si>
    <t>国民健康保険事業会計</t>
    <phoneticPr fontId="24"/>
  </si>
  <si>
    <t>心身障害者扶養共済事業会計</t>
    <phoneticPr fontId="24"/>
  </si>
  <si>
    <t>心身障害者扶養共済基金</t>
    <phoneticPr fontId="24"/>
  </si>
  <si>
    <t>令和元年度</t>
    <rPh sb="0" eb="3">
      <t>レイワガン</t>
    </rPh>
    <rPh sb="3" eb="5">
      <t>ネンド</t>
    </rPh>
    <phoneticPr fontId="9"/>
  </si>
  <si>
    <t>介護保険事業会計</t>
    <phoneticPr fontId="24"/>
  </si>
  <si>
    <t>大阪市介護給付費準備基金</t>
    <phoneticPr fontId="24"/>
  </si>
  <si>
    <t>後期高齢者医療事業会計</t>
    <phoneticPr fontId="24"/>
  </si>
  <si>
    <t>公債費会計</t>
    <phoneticPr fontId="24"/>
  </si>
  <si>
    <t>公債償還基金</t>
    <phoneticPr fontId="24"/>
  </si>
  <si>
    <t>大阪市国民健康保険事業費納付金等準備基金</t>
    <phoneticPr fontId="24"/>
  </si>
  <si>
    <t xml:space="preserve">　災害復旧に関する費用（公共施設の復旧整備費用）806百万円を災害による損失として、特別損失に計上しております。
　なお、災害復旧の財源となる国庫支出金及び分担金収益69百万円は、特別利益（その他特別利益）に計上しております。
</t>
    <phoneticPr fontId="24"/>
  </si>
  <si>
    <t>　博物館施設の地方独立行政法人化に伴う地方独立行政法人大阪市博物館機構への諸資産の引き渡しなどによる損失67,537百万円を事業再編等に伴う移転損益として、特別損失に計上しております。</t>
    <phoneticPr fontId="24"/>
  </si>
  <si>
    <t>（一財）大阪市文化財協会</t>
    <rPh sb="1" eb="2">
      <t>１</t>
    </rPh>
    <rPh sb="2" eb="3">
      <t>ザイ</t>
    </rPh>
    <rPh sb="4" eb="7">
      <t>オオサカシ</t>
    </rPh>
    <rPh sb="7" eb="10">
      <t>ブンカザイ</t>
    </rPh>
    <rPh sb="10" eb="12">
      <t>キョウカイ</t>
    </rPh>
    <phoneticPr fontId="18"/>
  </si>
  <si>
    <t>　新型コロナウイルス感染症の影響額のうち、市民利用施設等の一時閉館による費用（指定管理者への減収分等補填に係る業務代行料の追加費用など）231百万円をその他特別損失として、特別損失に計上しております。</t>
    <phoneticPr fontId="24"/>
  </si>
  <si>
    <t>　債務保証又は損失補償に係る債務負担行為のうち、履行すべき額が未確定なものは次のとおりです。</t>
    <rPh sb="1" eb="3">
      <t>サイム</t>
    </rPh>
    <rPh sb="3" eb="5">
      <t>ホショウ</t>
    </rPh>
    <rPh sb="5" eb="6">
      <t>マタ</t>
    </rPh>
    <rPh sb="7" eb="9">
      <t>ソンシツ</t>
    </rPh>
    <rPh sb="9" eb="11">
      <t>ホショウ</t>
    </rPh>
    <rPh sb="12" eb="13">
      <t>カカ</t>
    </rPh>
    <rPh sb="14" eb="16">
      <t>サイム</t>
    </rPh>
    <rPh sb="16" eb="18">
      <t>フタン</t>
    </rPh>
    <rPh sb="18" eb="20">
      <t>コウイ</t>
    </rPh>
    <rPh sb="24" eb="26">
      <t>リコウ</t>
    </rPh>
    <rPh sb="29" eb="30">
      <t>ガク</t>
    </rPh>
    <rPh sb="31" eb="34">
      <t>ミカクテイ</t>
    </rPh>
    <rPh sb="38" eb="39">
      <t>ツギ</t>
    </rPh>
    <phoneticPr fontId="34"/>
  </si>
  <si>
    <t>　ファイナンス・リース取引については、通常の売買取引に係る方法に準じた会計処理によっております。ただし、以下の場合は重要性が乏しいことから通常の賃貸借取引に係る方法に準じた会計処理によっております。
①購入時に費用処理される資産（物品であれば100万円未満のもの）を対象としたリース取引
②リース期間が1年以内のリース取引
③所有権移転外ファイナンス・リースであって、リース契約１件当たりのリース料総額が300万円以下のリース取引</t>
    <rPh sb="11" eb="13">
      <t>トリヒキ</t>
    </rPh>
    <rPh sb="19" eb="21">
      <t>ツウジョウ</t>
    </rPh>
    <rPh sb="22" eb="24">
      <t>バイバイ</t>
    </rPh>
    <rPh sb="24" eb="26">
      <t>トリヒキ</t>
    </rPh>
    <rPh sb="27" eb="28">
      <t>カカ</t>
    </rPh>
    <rPh sb="29" eb="31">
      <t>ホウホウ</t>
    </rPh>
    <rPh sb="32" eb="33">
      <t>ジュン</t>
    </rPh>
    <rPh sb="35" eb="37">
      <t>カイケイ</t>
    </rPh>
    <rPh sb="37" eb="39">
      <t>ショリ</t>
    </rPh>
    <rPh sb="52" eb="54">
      <t>イカ</t>
    </rPh>
    <rPh sb="55" eb="57">
      <t>バアイ</t>
    </rPh>
    <rPh sb="58" eb="61">
      <t>ジュウヨウセイ</t>
    </rPh>
    <rPh sb="62" eb="63">
      <t>トボ</t>
    </rPh>
    <rPh sb="69" eb="71">
      <t>ツウジョウ</t>
    </rPh>
    <rPh sb="72" eb="75">
      <t>チンタイシャク</t>
    </rPh>
    <rPh sb="75" eb="77">
      <t>トリヒキ</t>
    </rPh>
    <rPh sb="78" eb="79">
      <t>カカ</t>
    </rPh>
    <rPh sb="80" eb="82">
      <t>ホウホウ</t>
    </rPh>
    <rPh sb="83" eb="84">
      <t>ジュン</t>
    </rPh>
    <rPh sb="86" eb="88">
      <t>カイケイ</t>
    </rPh>
    <rPh sb="88" eb="90">
      <t>ショリ</t>
    </rPh>
    <rPh sb="101" eb="104">
      <t>コウニュウジ</t>
    </rPh>
    <rPh sb="105" eb="107">
      <t>ヒヨウ</t>
    </rPh>
    <rPh sb="107" eb="109">
      <t>ショリ</t>
    </rPh>
    <rPh sb="112" eb="114">
      <t>シサン</t>
    </rPh>
    <rPh sb="115" eb="117">
      <t>ブッピン</t>
    </rPh>
    <rPh sb="124" eb="126">
      <t>マンエン</t>
    </rPh>
    <rPh sb="126" eb="128">
      <t>ミマン</t>
    </rPh>
    <rPh sb="133" eb="135">
      <t>タイショウ</t>
    </rPh>
    <rPh sb="141" eb="143">
      <t>トリヒキ</t>
    </rPh>
    <rPh sb="148" eb="150">
      <t>キカン</t>
    </rPh>
    <rPh sb="152" eb="153">
      <t>ネン</t>
    </rPh>
    <rPh sb="153" eb="155">
      <t>イナイ</t>
    </rPh>
    <rPh sb="159" eb="161">
      <t>トリヒキ</t>
    </rPh>
    <rPh sb="163" eb="166">
      <t>ショユウケン</t>
    </rPh>
    <rPh sb="166" eb="168">
      <t>イテン</t>
    </rPh>
    <rPh sb="168" eb="169">
      <t>ガイ</t>
    </rPh>
    <rPh sb="187" eb="189">
      <t>ケイヤク</t>
    </rPh>
    <rPh sb="190" eb="191">
      <t>ケン</t>
    </rPh>
    <rPh sb="191" eb="192">
      <t>ア</t>
    </rPh>
    <rPh sb="198" eb="199">
      <t>リョウ</t>
    </rPh>
    <rPh sb="199" eb="201">
      <t>ソウガク</t>
    </rPh>
    <rPh sb="205" eb="207">
      <t>マンエン</t>
    </rPh>
    <rPh sb="207" eb="209">
      <t>イカ</t>
    </rPh>
    <rPh sb="213" eb="215">
      <t>トリヒキ</t>
    </rPh>
    <phoneticPr fontId="34"/>
  </si>
  <si>
    <t>　該当事項はありません。</t>
    <phoneticPr fontId="34"/>
  </si>
  <si>
    <t>　該当事項はありません。</t>
    <phoneticPr fontId="24"/>
  </si>
  <si>
    <t>　該当事項はありません。</t>
    <phoneticPr fontId="24"/>
  </si>
  <si>
    <t xml:space="preserve">基 金 </t>
    <phoneticPr fontId="24"/>
  </si>
  <si>
    <t>明 細 表</t>
    <phoneticPr fontId="24"/>
  </si>
  <si>
    <t>　令和２年度において、新型コロナウイルス感染症緊急対策として、感染拡大防止の取組や生活に困っている方への支援等の事業を実施することに伴い、当該事業に係る費用及びその財源となる国庫支出金等収益の増加が見込まれます。
　また、同感染症の拡大に伴い、今後、企業収益の悪化や個人所得の減少等により市税収入が大きく減収する一方、生活保護をはじめ社会保障関係経費が増大し、令和２年度以降の本市の財政状態及び運営状況に影響を及ぼすことが想定されます。</t>
    <rPh sb="211" eb="213">
      <t>ソウテイ</t>
    </rPh>
    <phoneticPr fontId="34"/>
  </si>
  <si>
    <t>　令和２年度において、新型コロナウイルス感染症の影響により収入が減少した被保険者等に係る介護保険料の減免を実施することに伴い、保険料収益の減少、当該減免実施に係る費用の増加及び当該減免に対する財政支援としての国庫支出金収益の増加が見込まれます。</t>
    <phoneticPr fontId="34"/>
  </si>
  <si>
    <t xml:space="preserve">　令和２年度において、新型コロナウイルス感染症の影響により収入が減少した被保険者等に係る国民健康保険料の減免を実施することに伴い、保険料収益の減少、当該減免実施に係る費用の増加及び当該減免に対する財政支援としての府支出金等収益の増加が見込まれます。
　また、同感染症に感染した被用者に対する傷病手当金の支給を実施することに伴い、当該支給実施に係る費用の増加及び当該手当金支給に対する財政支援としての府支出金収益の増加が見込まれます。
</t>
    <phoneticPr fontId="34"/>
  </si>
  <si>
    <t xml:space="preserve">　令和２年度において、新型コロナウイルス感染症の影響により収入が減少した被保険者等に係る後期高齢者医療保険料の減免を実施することに伴い、保険料収益の減少及び当該減免実施に係る費用の増加が見込まれます。
　また、上記に伴い、徴収した保険料に係る大阪府後期高齢者医療広域連合に対する納付金である市町村負担金費用の減少及び減免実施に係る費用の財源となる同広域連合からの交付金収益の増加が見込まれます。
</t>
    <phoneticPr fontId="3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quot;▲ &quot;#,##0"/>
    <numFmt numFmtId="177" formatCode="0_);[Red]\(0\)"/>
    <numFmt numFmtId="178" formatCode="#,##0;&quot;△ &quot;#,##0"/>
    <numFmt numFmtId="179" formatCode="#,##0.00;&quot;△ &quot;#,##0.00"/>
    <numFmt numFmtId="180" formatCode="#,##0.0;&quot;△ &quot;#,##0.0"/>
    <numFmt numFmtId="181" formatCode="#,##0.00;&quot;▲ &quot;#,##0.00"/>
    <numFmt numFmtId="182" formatCode="0.0%"/>
  </numFmts>
  <fonts count="64" x14ac:knownFonts="1">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6"/>
      <name val="ＭＳ Ｐゴシック"/>
      <family val="3"/>
      <charset val="128"/>
    </font>
    <font>
      <sz val="6"/>
      <name val="ＭＳ Ｐゴシック"/>
      <family val="3"/>
      <charset val="128"/>
    </font>
    <font>
      <sz val="11"/>
      <color theme="1"/>
      <name val="ＭＳ Ｐゴシック"/>
      <family val="3"/>
      <charset val="128"/>
      <scheme val="minor"/>
    </font>
    <font>
      <sz val="11"/>
      <color theme="1"/>
      <name val="ＭＳ Ｐゴシック"/>
      <family val="3"/>
      <charset val="128"/>
    </font>
    <font>
      <sz val="14"/>
      <color theme="1"/>
      <name val="ＭＳ 明朝"/>
      <family val="1"/>
      <charset val="128"/>
    </font>
    <font>
      <u/>
      <sz val="16"/>
      <color theme="1"/>
      <name val="ＭＳ ゴシック"/>
      <family val="3"/>
      <charset val="128"/>
    </font>
    <font>
      <sz val="16"/>
      <color theme="1"/>
      <name val="ＭＳ 明朝"/>
      <family val="1"/>
      <charset val="128"/>
    </font>
    <font>
      <sz val="24"/>
      <color theme="1"/>
      <name val="ＭＳ 明朝"/>
      <family val="1"/>
      <charset val="128"/>
    </font>
    <font>
      <b/>
      <sz val="24"/>
      <color theme="1"/>
      <name val="ＭＳ 明朝"/>
      <family val="1"/>
      <charset val="128"/>
    </font>
    <font>
      <b/>
      <sz val="16"/>
      <color theme="1"/>
      <name val="ＭＳ 明朝"/>
      <family val="1"/>
      <charset val="128"/>
    </font>
    <font>
      <sz val="10"/>
      <color theme="1"/>
      <name val="ＭＳ 明朝"/>
      <family val="1"/>
      <charset val="128"/>
    </font>
    <font>
      <sz val="11"/>
      <color theme="1"/>
      <name val="ＭＳ 明朝"/>
      <family val="1"/>
      <charset val="128"/>
    </font>
    <font>
      <sz val="26"/>
      <color theme="1"/>
      <name val="ＭＳ 明朝"/>
      <family val="1"/>
      <charset val="128"/>
    </font>
    <font>
      <sz val="20"/>
      <color theme="1"/>
      <name val="ＭＳ 明朝"/>
      <family val="1"/>
      <charset val="128"/>
    </font>
    <font>
      <sz val="6"/>
      <name val="ＭＳ Ｐゴシック"/>
      <family val="3"/>
      <charset val="128"/>
      <scheme val="minor"/>
    </font>
    <font>
      <b/>
      <sz val="24"/>
      <name val="ＭＳ 明朝"/>
      <family val="1"/>
      <charset val="128"/>
    </font>
    <font>
      <sz val="16"/>
      <name val="ＭＳ 明朝"/>
      <family val="1"/>
      <charset val="128"/>
    </font>
    <font>
      <sz val="11"/>
      <color indexed="8"/>
      <name val="ＭＳ Ｐゴシック"/>
      <family val="3"/>
      <charset val="128"/>
    </font>
    <font>
      <b/>
      <sz val="26"/>
      <color theme="1"/>
      <name val="ＭＳ 明朝"/>
      <family val="1"/>
      <charset val="128"/>
    </font>
    <font>
      <u/>
      <sz val="20"/>
      <color theme="1"/>
      <name val="ＭＳ 明朝"/>
      <family val="1"/>
      <charset val="128"/>
    </font>
    <font>
      <b/>
      <sz val="28"/>
      <name val="ＭＳ 明朝"/>
      <family val="1"/>
      <charset val="128"/>
    </font>
    <font>
      <sz val="18"/>
      <color theme="1"/>
      <name val="ＭＳ 明朝"/>
      <family val="1"/>
      <charset val="128"/>
    </font>
    <font>
      <u/>
      <sz val="20"/>
      <color theme="1"/>
      <name val="ＭＳ ゴシック"/>
      <family val="3"/>
      <charset val="128"/>
    </font>
    <font>
      <b/>
      <sz val="28"/>
      <color theme="1"/>
      <name val="ＭＳ 明朝"/>
      <family val="1"/>
      <charset val="128"/>
    </font>
    <font>
      <sz val="6"/>
      <name val="ＭＳ Ｐゴシック"/>
      <family val="2"/>
      <charset val="128"/>
      <scheme val="minor"/>
    </font>
    <font>
      <sz val="11"/>
      <color theme="1"/>
      <name val="ＭＳ Ｐ明朝"/>
      <family val="1"/>
      <charset val="128"/>
    </font>
    <font>
      <sz val="11"/>
      <color theme="0"/>
      <name val="ＭＳ Ｐゴシック"/>
      <family val="3"/>
      <charset val="128"/>
      <scheme val="minor"/>
    </font>
    <font>
      <b/>
      <sz val="18"/>
      <color theme="3"/>
      <name val="ＭＳ Ｐゴシック"/>
      <family val="3"/>
      <charset val="128"/>
      <scheme val="major"/>
    </font>
    <font>
      <b/>
      <sz val="11"/>
      <color theme="0"/>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rgb="FFFF000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theme="1"/>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7"/>
      <color theme="1"/>
      <name val="ＭＳ 明朝"/>
      <family val="1"/>
      <charset val="128"/>
    </font>
    <font>
      <b/>
      <sz val="17"/>
      <color theme="1"/>
      <name val="ＭＳ 明朝"/>
      <family val="1"/>
      <charset val="128"/>
    </font>
    <font>
      <u/>
      <sz val="17"/>
      <color theme="1"/>
      <name val="ＭＳ 明朝"/>
      <family val="1"/>
      <charset val="128"/>
    </font>
    <font>
      <b/>
      <sz val="11"/>
      <color theme="1"/>
      <name val="ＭＳ 明朝"/>
      <family val="1"/>
      <charset val="128"/>
    </font>
    <font>
      <sz val="18"/>
      <name val="ＭＳ 明朝"/>
      <family val="1"/>
      <charset val="128"/>
    </font>
    <font>
      <sz val="14"/>
      <name val="ＭＳ 明朝"/>
      <family val="1"/>
      <charset val="128"/>
    </font>
    <font>
      <sz val="11"/>
      <name val="ＭＳ Ｐ明朝"/>
      <family val="1"/>
      <charset val="128"/>
    </font>
    <font>
      <sz val="16"/>
      <name val="ＭＳ Ｐ明朝"/>
      <family val="1"/>
      <charset val="128"/>
    </font>
    <font>
      <sz val="17"/>
      <color rgb="FFFF0000"/>
      <name val="ＭＳ 明朝"/>
      <family val="1"/>
      <charset val="128"/>
    </font>
    <font>
      <sz val="17"/>
      <name val="ＭＳ 明朝"/>
      <family val="1"/>
      <charset val="128"/>
    </font>
    <font>
      <sz val="10"/>
      <name val="ＭＳ 明朝"/>
      <family val="1"/>
      <charset val="128"/>
    </font>
    <font>
      <sz val="11"/>
      <name val="ＭＳ 明朝"/>
      <family val="1"/>
      <charset val="128"/>
    </font>
  </fonts>
  <fills count="35">
    <fill>
      <patternFill patternType="none"/>
    </fill>
    <fill>
      <patternFill patternType="gray125"/>
    </fill>
    <fill>
      <patternFill patternType="solid">
        <fgColor rgb="FFFFFFCC"/>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0"/>
        <bgColor indexed="64"/>
      </patternFill>
    </fill>
    <fill>
      <patternFill patternType="solid">
        <fgColor rgb="FFFFFF00"/>
        <bgColor indexed="64"/>
      </patternFill>
    </fill>
  </fills>
  <borders count="2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rgb="FFB2B2B2"/>
      </left>
      <right style="thin">
        <color rgb="FFB2B2B2"/>
      </right>
      <top style="thin">
        <color rgb="FFB2B2B2"/>
      </top>
      <bottom style="thin">
        <color rgb="FFB2B2B2"/>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auto="1"/>
      </right>
      <top style="hair">
        <color auto="1"/>
      </top>
      <bottom style="hair">
        <color auto="1"/>
      </bottom>
      <diagonal/>
    </border>
    <border>
      <left style="thin">
        <color auto="1"/>
      </left>
      <right style="thin">
        <color auto="1"/>
      </right>
      <top style="hair">
        <color auto="1"/>
      </top>
      <bottom style="hair">
        <color auto="1"/>
      </bottom>
      <diagonal/>
    </border>
    <border>
      <left/>
      <right style="thin">
        <color auto="1"/>
      </right>
      <top style="hair">
        <color auto="1"/>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right/>
      <top style="thin">
        <color theme="4"/>
      </top>
      <bottom style="double">
        <color theme="4"/>
      </bottom>
      <diagonal/>
    </border>
  </borders>
  <cellStyleXfs count="75">
    <xf numFmtId="0" fontId="0" fillId="0" borderId="0">
      <alignment vertical="center"/>
    </xf>
    <xf numFmtId="0" fontId="12" fillId="0" borderId="0">
      <alignment vertical="center"/>
    </xf>
    <xf numFmtId="0" fontId="8" fillId="0" borderId="0">
      <alignment vertical="center"/>
    </xf>
    <xf numFmtId="0" fontId="8" fillId="0" borderId="0">
      <alignment vertical="center"/>
    </xf>
    <xf numFmtId="0" fontId="13" fillId="0" borderId="0">
      <alignment vertical="center"/>
    </xf>
    <xf numFmtId="0" fontId="13" fillId="0" borderId="0">
      <alignment vertical="center"/>
    </xf>
    <xf numFmtId="0" fontId="13" fillId="0" borderId="0">
      <alignment vertical="center"/>
    </xf>
    <xf numFmtId="38" fontId="12" fillId="0" borderId="0" applyFont="0" applyFill="0" applyBorder="0" applyAlignment="0" applyProtection="0">
      <alignment vertical="center"/>
    </xf>
    <xf numFmtId="0" fontId="12" fillId="0" borderId="0">
      <alignment vertical="center"/>
    </xf>
    <xf numFmtId="0" fontId="27" fillId="2" borderId="13" applyNumberFormat="0" applyFont="0" applyAlignment="0" applyProtection="0">
      <alignment vertical="center"/>
    </xf>
    <xf numFmtId="38" fontId="27" fillId="0" borderId="0" applyFont="0" applyFill="0" applyBorder="0" applyAlignment="0" applyProtection="0">
      <alignment vertical="center"/>
    </xf>
    <xf numFmtId="38" fontId="27" fillId="0" borderId="0" applyFont="0" applyFill="0" applyBorder="0" applyAlignment="0" applyProtection="0">
      <alignment vertical="center"/>
    </xf>
    <xf numFmtId="38" fontId="27" fillId="0" borderId="0" applyFont="0" applyFill="0" applyBorder="0" applyAlignment="0" applyProtection="0">
      <alignment vertical="center"/>
    </xf>
    <xf numFmtId="38" fontId="8" fillId="0" borderId="0" applyFont="0" applyFill="0" applyBorder="0" applyAlignment="0" applyProtection="0">
      <alignment vertical="center"/>
    </xf>
    <xf numFmtId="0" fontId="8" fillId="0" borderId="0">
      <alignment vertical="center"/>
    </xf>
    <xf numFmtId="0" fontId="8" fillId="0" borderId="0">
      <alignment vertical="center"/>
    </xf>
    <xf numFmtId="0" fontId="8" fillId="0" borderId="0">
      <alignment vertical="center"/>
    </xf>
    <xf numFmtId="0" fontId="8" fillId="0" borderId="0">
      <alignment vertical="center"/>
    </xf>
    <xf numFmtId="0" fontId="13" fillId="0" borderId="0">
      <alignment vertical="center"/>
    </xf>
    <xf numFmtId="0" fontId="6" fillId="0" borderId="0">
      <alignment vertical="center"/>
    </xf>
    <xf numFmtId="38" fontId="6" fillId="0" borderId="0" applyFont="0" applyFill="0" applyBorder="0" applyAlignment="0" applyProtection="0">
      <alignment vertical="center"/>
    </xf>
    <xf numFmtId="0" fontId="5" fillId="0" borderId="0">
      <alignment vertical="center"/>
    </xf>
    <xf numFmtId="0" fontId="4" fillId="0" borderId="0">
      <alignment vertical="center"/>
    </xf>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0" fontId="2" fillId="0" borderId="0">
      <alignment vertical="center"/>
    </xf>
    <xf numFmtId="0" fontId="2" fillId="0" borderId="0">
      <alignment vertical="center"/>
    </xf>
    <xf numFmtId="0" fontId="12" fillId="10" borderId="0" applyNumberFormat="0" applyBorder="0" applyAlignment="0" applyProtection="0">
      <alignment vertical="center"/>
    </xf>
    <xf numFmtId="0" fontId="12" fillId="14" borderId="0" applyNumberFormat="0" applyBorder="0" applyAlignment="0" applyProtection="0">
      <alignment vertical="center"/>
    </xf>
    <xf numFmtId="0" fontId="12" fillId="18" borderId="0" applyNumberFormat="0" applyBorder="0" applyAlignment="0" applyProtection="0">
      <alignment vertical="center"/>
    </xf>
    <xf numFmtId="0" fontId="12" fillId="22" borderId="0" applyNumberFormat="0" applyBorder="0" applyAlignment="0" applyProtection="0">
      <alignment vertical="center"/>
    </xf>
    <xf numFmtId="0" fontId="12" fillId="26" borderId="0" applyNumberFormat="0" applyBorder="0" applyAlignment="0" applyProtection="0">
      <alignment vertical="center"/>
    </xf>
    <xf numFmtId="0" fontId="12" fillId="30" borderId="0" applyNumberFormat="0" applyBorder="0" applyAlignment="0" applyProtection="0">
      <alignment vertical="center"/>
    </xf>
    <xf numFmtId="0" fontId="12" fillId="11" borderId="0" applyNumberFormat="0" applyBorder="0" applyAlignment="0" applyProtection="0">
      <alignment vertical="center"/>
    </xf>
    <xf numFmtId="0" fontId="12" fillId="15" borderId="0" applyNumberFormat="0" applyBorder="0" applyAlignment="0" applyProtection="0">
      <alignment vertical="center"/>
    </xf>
    <xf numFmtId="0" fontId="12" fillId="19" borderId="0" applyNumberFormat="0" applyBorder="0" applyAlignment="0" applyProtection="0">
      <alignment vertical="center"/>
    </xf>
    <xf numFmtId="0" fontId="12" fillId="23" borderId="0" applyNumberFormat="0" applyBorder="0" applyAlignment="0" applyProtection="0">
      <alignment vertical="center"/>
    </xf>
    <xf numFmtId="0" fontId="12" fillId="27" borderId="0" applyNumberFormat="0" applyBorder="0" applyAlignment="0" applyProtection="0">
      <alignment vertical="center"/>
    </xf>
    <xf numFmtId="0" fontId="12" fillId="31" borderId="0" applyNumberFormat="0" applyBorder="0" applyAlignment="0" applyProtection="0">
      <alignment vertical="center"/>
    </xf>
    <xf numFmtId="0" fontId="36" fillId="12" borderId="0" applyNumberFormat="0" applyBorder="0" applyAlignment="0" applyProtection="0">
      <alignment vertical="center"/>
    </xf>
    <xf numFmtId="0" fontId="36" fillId="16" borderId="0" applyNumberFormat="0" applyBorder="0" applyAlignment="0" applyProtection="0">
      <alignment vertical="center"/>
    </xf>
    <xf numFmtId="0" fontId="36" fillId="20" borderId="0" applyNumberFormat="0" applyBorder="0" applyAlignment="0" applyProtection="0">
      <alignment vertical="center"/>
    </xf>
    <xf numFmtId="0" fontId="36" fillId="24" borderId="0" applyNumberFormat="0" applyBorder="0" applyAlignment="0" applyProtection="0">
      <alignment vertical="center"/>
    </xf>
    <xf numFmtId="0" fontId="36" fillId="28" borderId="0" applyNumberFormat="0" applyBorder="0" applyAlignment="0" applyProtection="0">
      <alignment vertical="center"/>
    </xf>
    <xf numFmtId="0" fontId="36" fillId="32" borderId="0" applyNumberFormat="0" applyBorder="0" applyAlignment="0" applyProtection="0">
      <alignment vertical="center"/>
    </xf>
    <xf numFmtId="0" fontId="36" fillId="9" borderId="0" applyNumberFormat="0" applyBorder="0" applyAlignment="0" applyProtection="0">
      <alignment vertical="center"/>
    </xf>
    <xf numFmtId="0" fontId="36" fillId="13" borderId="0" applyNumberFormat="0" applyBorder="0" applyAlignment="0" applyProtection="0">
      <alignment vertical="center"/>
    </xf>
    <xf numFmtId="0" fontId="36" fillId="17" borderId="0" applyNumberFormat="0" applyBorder="0" applyAlignment="0" applyProtection="0">
      <alignment vertical="center"/>
    </xf>
    <xf numFmtId="0" fontId="36" fillId="21" borderId="0" applyNumberFormat="0" applyBorder="0" applyAlignment="0" applyProtection="0">
      <alignment vertical="center"/>
    </xf>
    <xf numFmtId="0" fontId="36" fillId="25" borderId="0" applyNumberFormat="0" applyBorder="0" applyAlignment="0" applyProtection="0">
      <alignment vertical="center"/>
    </xf>
    <xf numFmtId="0" fontId="36" fillId="29" borderId="0" applyNumberFormat="0" applyBorder="0" applyAlignment="0" applyProtection="0">
      <alignment vertical="center"/>
    </xf>
    <xf numFmtId="0" fontId="37" fillId="0" borderId="0" applyNumberFormat="0" applyFill="0" applyBorder="0" applyAlignment="0" applyProtection="0">
      <alignment vertical="center"/>
    </xf>
    <xf numFmtId="0" fontId="38" fillId="8" borderId="26" applyNumberFormat="0" applyAlignment="0" applyProtection="0">
      <alignment vertical="center"/>
    </xf>
    <xf numFmtId="0" fontId="39" fillId="5" borderId="0" applyNumberFormat="0" applyBorder="0" applyAlignment="0" applyProtection="0">
      <alignment vertical="center"/>
    </xf>
    <xf numFmtId="0" fontId="40" fillId="0" borderId="25" applyNumberFormat="0" applyFill="0" applyAlignment="0" applyProtection="0">
      <alignment vertical="center"/>
    </xf>
    <xf numFmtId="0" fontId="41" fillId="4" borderId="0" applyNumberFormat="0" applyBorder="0" applyAlignment="0" applyProtection="0">
      <alignment vertical="center"/>
    </xf>
    <xf numFmtId="0" fontId="42" fillId="7" borderId="23" applyNumberFormat="0" applyAlignment="0" applyProtection="0">
      <alignment vertical="center"/>
    </xf>
    <xf numFmtId="0" fontId="43" fillId="0" borderId="0" applyNumberFormat="0" applyFill="0" applyBorder="0" applyAlignment="0" applyProtection="0">
      <alignment vertical="center"/>
    </xf>
    <xf numFmtId="0" fontId="44" fillId="0" borderId="20" applyNumberFormat="0" applyFill="0" applyAlignment="0" applyProtection="0">
      <alignment vertical="center"/>
    </xf>
    <xf numFmtId="0" fontId="45" fillId="0" borderId="21" applyNumberFormat="0" applyFill="0" applyAlignment="0" applyProtection="0">
      <alignment vertical="center"/>
    </xf>
    <xf numFmtId="0" fontId="46" fillId="0" borderId="22" applyNumberFormat="0" applyFill="0" applyAlignment="0" applyProtection="0">
      <alignment vertical="center"/>
    </xf>
    <xf numFmtId="0" fontId="46" fillId="0" borderId="0" applyNumberFormat="0" applyFill="0" applyBorder="0" applyAlignment="0" applyProtection="0">
      <alignment vertical="center"/>
    </xf>
    <xf numFmtId="0" fontId="47" fillId="0" borderId="27" applyNumberFormat="0" applyFill="0" applyAlignment="0" applyProtection="0">
      <alignment vertical="center"/>
    </xf>
    <xf numFmtId="0" fontId="48" fillId="7" borderId="24" applyNumberFormat="0" applyAlignment="0" applyProtection="0">
      <alignment vertical="center"/>
    </xf>
    <xf numFmtId="0" fontId="49" fillId="0" borderId="0" applyNumberFormat="0" applyFill="0" applyBorder="0" applyAlignment="0" applyProtection="0">
      <alignment vertical="center"/>
    </xf>
    <xf numFmtId="0" fontId="50" fillId="6" borderId="23" applyNumberFormat="0" applyAlignment="0" applyProtection="0">
      <alignment vertical="center"/>
    </xf>
    <xf numFmtId="0" fontId="8" fillId="0" borderId="0">
      <alignment vertical="center"/>
    </xf>
    <xf numFmtId="0" fontId="51" fillId="3" borderId="0" applyNumberFormat="0" applyBorder="0" applyAlignment="0" applyProtection="0">
      <alignment vertical="center"/>
    </xf>
    <xf numFmtId="0" fontId="8" fillId="0" borderId="0"/>
    <xf numFmtId="0" fontId="1" fillId="0" borderId="0">
      <alignment vertical="center"/>
    </xf>
    <xf numFmtId="38" fontId="1" fillId="0" borderId="0" applyFont="0" applyFill="0" applyBorder="0" applyAlignment="0" applyProtection="0">
      <alignment vertical="center"/>
    </xf>
    <xf numFmtId="0" fontId="1" fillId="0" borderId="0">
      <alignment vertical="center"/>
    </xf>
    <xf numFmtId="9" fontId="12" fillId="0" borderId="0" applyFont="0" applyFill="0" applyBorder="0" applyAlignment="0" applyProtection="0">
      <alignment vertical="center"/>
    </xf>
  </cellStyleXfs>
  <cellXfs count="353">
    <xf numFmtId="0" fontId="0" fillId="0" borderId="0" xfId="0">
      <alignment vertical="center"/>
    </xf>
    <xf numFmtId="0" fontId="14" fillId="0" borderId="0" xfId="1" applyFont="1" applyFill="1">
      <alignment vertical="center"/>
    </xf>
    <xf numFmtId="0" fontId="14" fillId="0" borderId="0" xfId="1" applyFont="1" applyFill="1" applyBorder="1">
      <alignment vertical="center"/>
    </xf>
    <xf numFmtId="0" fontId="14" fillId="0" borderId="0" xfId="4" applyFont="1" applyFill="1" applyBorder="1" applyAlignment="1"/>
    <xf numFmtId="0" fontId="14" fillId="0" borderId="0" xfId="4" applyFont="1" applyFill="1" applyBorder="1" applyAlignment="1">
      <alignment vertical="center"/>
    </xf>
    <xf numFmtId="58" fontId="14" fillId="0" borderId="0" xfId="1" applyNumberFormat="1" applyFont="1" applyFill="1" applyBorder="1">
      <alignment vertical="center"/>
    </xf>
    <xf numFmtId="0" fontId="16" fillId="0" borderId="0" xfId="1" applyFont="1" applyFill="1" applyBorder="1" applyAlignment="1">
      <alignment horizontal="right" vertical="center"/>
    </xf>
    <xf numFmtId="0" fontId="14" fillId="0" borderId="0" xfId="1" applyFont="1" applyFill="1" applyBorder="1" applyAlignment="1">
      <alignment horizontal="right" vertical="center"/>
    </xf>
    <xf numFmtId="0" fontId="16" fillId="0" borderId="2" xfId="1" applyFont="1" applyFill="1" applyBorder="1">
      <alignment vertical="center"/>
    </xf>
    <xf numFmtId="0" fontId="16" fillId="0" borderId="2" xfId="1" applyFont="1" applyFill="1" applyBorder="1" applyAlignment="1">
      <alignment vertical="center"/>
    </xf>
    <xf numFmtId="176" fontId="16" fillId="0" borderId="2" xfId="1" applyNumberFormat="1" applyFont="1" applyFill="1" applyBorder="1">
      <alignment vertical="center"/>
    </xf>
    <xf numFmtId="0" fontId="16" fillId="0" borderId="3" xfId="1" applyFont="1" applyFill="1" applyBorder="1">
      <alignment vertical="center"/>
    </xf>
    <xf numFmtId="176" fontId="16" fillId="0" borderId="3" xfId="1" applyNumberFormat="1" applyFont="1" applyFill="1" applyBorder="1">
      <alignment vertical="center"/>
    </xf>
    <xf numFmtId="0" fontId="16" fillId="0" borderId="0" xfId="1" applyFont="1" applyFill="1" applyBorder="1">
      <alignment vertical="center"/>
    </xf>
    <xf numFmtId="176" fontId="16" fillId="0" borderId="0" xfId="1" applyNumberFormat="1" applyFont="1" applyFill="1" applyBorder="1" applyAlignment="1">
      <alignment horizontal="right" vertical="center"/>
    </xf>
    <xf numFmtId="0" fontId="16" fillId="0" borderId="0" xfId="1" applyFont="1" applyFill="1" applyBorder="1" applyAlignment="1">
      <alignment horizontal="left" vertical="center"/>
    </xf>
    <xf numFmtId="176" fontId="16" fillId="0" borderId="0" xfId="1" applyNumberFormat="1" applyFont="1" applyFill="1" applyBorder="1">
      <alignment vertical="center"/>
    </xf>
    <xf numFmtId="176" fontId="14" fillId="0" borderId="0" xfId="1" applyNumberFormat="1" applyFont="1" applyFill="1" applyBorder="1" applyAlignment="1">
      <alignment horizontal="right" vertical="center"/>
    </xf>
    <xf numFmtId="176" fontId="14" fillId="0" borderId="0" xfId="1" applyNumberFormat="1" applyFont="1" applyFill="1" applyBorder="1">
      <alignment vertical="center"/>
    </xf>
    <xf numFmtId="176" fontId="14" fillId="0" borderId="0" xfId="1" applyNumberFormat="1" applyFont="1" applyFill="1">
      <alignment vertical="center"/>
    </xf>
    <xf numFmtId="0" fontId="16" fillId="0" borderId="1" xfId="1" applyFont="1" applyFill="1" applyBorder="1">
      <alignment vertical="center"/>
    </xf>
    <xf numFmtId="0" fontId="16" fillId="0" borderId="4" xfId="1" applyFont="1" applyFill="1" applyBorder="1">
      <alignment vertical="center"/>
    </xf>
    <xf numFmtId="0" fontId="16" fillId="0" borderId="0" xfId="2" applyFont="1" applyFill="1" applyBorder="1" applyAlignment="1"/>
    <xf numFmtId="0" fontId="16" fillId="0" borderId="5" xfId="1" applyFont="1" applyFill="1" applyBorder="1">
      <alignment vertical="center"/>
    </xf>
    <xf numFmtId="0" fontId="16" fillId="0" borderId="0" xfId="1" applyFont="1" applyFill="1">
      <alignment vertical="center"/>
    </xf>
    <xf numFmtId="58" fontId="16" fillId="0" borderId="0" xfId="1" applyNumberFormat="1" applyFont="1" applyFill="1" applyBorder="1">
      <alignment vertical="center"/>
    </xf>
    <xf numFmtId="0" fontId="16" fillId="0" borderId="1" xfId="1" applyFont="1" applyFill="1" applyBorder="1" applyAlignment="1">
      <alignment vertical="center"/>
    </xf>
    <xf numFmtId="0" fontId="16" fillId="0" borderId="2" xfId="1" applyFont="1" applyFill="1" applyBorder="1" applyAlignment="1">
      <alignment horizontal="left" vertical="center" indent="1"/>
    </xf>
    <xf numFmtId="177" fontId="16" fillId="0" borderId="0" xfId="1" applyNumberFormat="1" applyFont="1" applyFill="1" applyBorder="1" applyAlignment="1">
      <alignment horizontal="left" vertical="center" indent="1"/>
    </xf>
    <xf numFmtId="177" fontId="16" fillId="0" borderId="0" xfId="1" applyNumberFormat="1" applyFont="1" applyFill="1" applyBorder="1">
      <alignment vertical="center"/>
    </xf>
    <xf numFmtId="0" fontId="16" fillId="0" borderId="6" xfId="1" applyFont="1" applyFill="1" applyBorder="1">
      <alignment vertical="center"/>
    </xf>
    <xf numFmtId="0" fontId="16" fillId="0" borderId="7" xfId="1" applyFont="1" applyFill="1" applyBorder="1">
      <alignment vertical="center"/>
    </xf>
    <xf numFmtId="176" fontId="16" fillId="0" borderId="0" xfId="1" applyNumberFormat="1" applyFont="1" applyFill="1">
      <alignment vertical="center"/>
    </xf>
    <xf numFmtId="0" fontId="14" fillId="0" borderId="0" xfId="5" applyFont="1" applyFill="1" applyBorder="1" applyAlignment="1"/>
    <xf numFmtId="0" fontId="14" fillId="0" borderId="0" xfId="5" applyFont="1" applyFill="1" applyBorder="1" applyAlignment="1">
      <alignment vertical="center"/>
    </xf>
    <xf numFmtId="49" fontId="14" fillId="0" borderId="0" xfId="5" applyNumberFormat="1" applyFont="1" applyFill="1" applyBorder="1" applyAlignment="1">
      <alignment horizontal="center" vertical="center"/>
    </xf>
    <xf numFmtId="0" fontId="14" fillId="0" borderId="0" xfId="1" applyFont="1" applyFill="1" applyBorder="1" applyAlignment="1">
      <alignment horizontal="center" vertical="center"/>
    </xf>
    <xf numFmtId="0" fontId="14" fillId="0" borderId="7" xfId="1" applyFont="1" applyFill="1" applyBorder="1">
      <alignment vertical="center"/>
    </xf>
    <xf numFmtId="0" fontId="20" fillId="0" borderId="0" xfId="1" applyFont="1" applyFill="1">
      <alignment vertical="center"/>
    </xf>
    <xf numFmtId="0" fontId="20" fillId="0" borderId="0" xfId="1" applyFont="1" applyFill="1" applyBorder="1">
      <alignment vertical="center"/>
    </xf>
    <xf numFmtId="0" fontId="18" fillId="0" borderId="0" xfId="1" applyFont="1" applyFill="1" applyBorder="1" applyAlignment="1">
      <alignment vertical="center"/>
    </xf>
    <xf numFmtId="0" fontId="17" fillId="0" borderId="0" xfId="1" applyFont="1" applyFill="1" applyBorder="1" applyAlignment="1">
      <alignment vertical="center"/>
    </xf>
    <xf numFmtId="58" fontId="16" fillId="0" borderId="0" xfId="1" quotePrefix="1" applyNumberFormat="1" applyFont="1" applyFill="1" applyBorder="1">
      <alignment vertical="center"/>
    </xf>
    <xf numFmtId="0" fontId="16" fillId="0" borderId="9" xfId="1" applyFont="1" applyFill="1" applyBorder="1" applyAlignment="1">
      <alignment horizontal="center" vertical="center" wrapText="1"/>
    </xf>
    <xf numFmtId="176" fontId="16" fillId="0" borderId="9" xfId="1" applyNumberFormat="1" applyFont="1" applyFill="1" applyBorder="1">
      <alignment vertical="center"/>
    </xf>
    <xf numFmtId="0" fontId="16" fillId="0" borderId="10" xfId="1" applyFont="1" applyFill="1" applyBorder="1">
      <alignment vertical="center"/>
    </xf>
    <xf numFmtId="0" fontId="0" fillId="0" borderId="11" xfId="0" applyBorder="1">
      <alignment vertical="center"/>
    </xf>
    <xf numFmtId="0" fontId="16" fillId="0" borderId="11" xfId="1" applyFont="1" applyFill="1" applyBorder="1">
      <alignment vertical="center"/>
    </xf>
    <xf numFmtId="176" fontId="16" fillId="0" borderId="11" xfId="1" applyNumberFormat="1" applyFont="1" applyFill="1" applyBorder="1" applyAlignment="1">
      <alignment horizontal="right" vertical="center"/>
    </xf>
    <xf numFmtId="0" fontId="16" fillId="0" borderId="12" xfId="1" applyFont="1" applyFill="1" applyBorder="1">
      <alignment vertical="center"/>
    </xf>
    <xf numFmtId="176" fontId="16" fillId="0" borderId="11" xfId="1" applyNumberFormat="1" applyFont="1" applyFill="1" applyBorder="1">
      <alignment vertical="center"/>
    </xf>
    <xf numFmtId="176" fontId="16" fillId="0" borderId="12" xfId="1" applyNumberFormat="1" applyFont="1" applyFill="1" applyBorder="1">
      <alignment vertical="center"/>
    </xf>
    <xf numFmtId="176" fontId="16" fillId="0" borderId="12" xfId="1" applyNumberFormat="1" applyFont="1" applyFill="1" applyBorder="1" applyAlignment="1">
      <alignment horizontal="right" vertical="center"/>
    </xf>
    <xf numFmtId="0" fontId="16" fillId="0" borderId="1" xfId="1" applyFont="1" applyFill="1" applyBorder="1" applyAlignment="1">
      <alignment horizontal="left" vertical="center"/>
    </xf>
    <xf numFmtId="176" fontId="16" fillId="0" borderId="5" xfId="1" applyNumberFormat="1" applyFont="1" applyFill="1" applyBorder="1" applyAlignment="1">
      <alignment horizontal="right" vertical="center"/>
    </xf>
    <xf numFmtId="176" fontId="16" fillId="0" borderId="5" xfId="1" applyNumberFormat="1" applyFont="1" applyFill="1" applyBorder="1">
      <alignment vertical="center"/>
    </xf>
    <xf numFmtId="177" fontId="16" fillId="0" borderId="10" xfId="1" applyNumberFormat="1" applyFont="1" applyFill="1" applyBorder="1" applyAlignment="1">
      <alignment vertical="center"/>
    </xf>
    <xf numFmtId="177" fontId="16" fillId="0" borderId="11" xfId="1" applyNumberFormat="1" applyFont="1" applyFill="1" applyBorder="1" applyAlignment="1">
      <alignment horizontal="left" vertical="center" indent="1"/>
    </xf>
    <xf numFmtId="177" fontId="16" fillId="0" borderId="11" xfId="1" applyNumberFormat="1" applyFont="1" applyFill="1" applyBorder="1">
      <alignment vertical="center"/>
    </xf>
    <xf numFmtId="177" fontId="16" fillId="0" borderId="12" xfId="1" applyNumberFormat="1" applyFont="1" applyFill="1" applyBorder="1">
      <alignment vertical="center"/>
    </xf>
    <xf numFmtId="177" fontId="16" fillId="0" borderId="4" xfId="1" applyNumberFormat="1" applyFont="1" applyFill="1" applyBorder="1" applyAlignment="1">
      <alignment vertical="center"/>
    </xf>
    <xf numFmtId="177" fontId="16" fillId="0" borderId="5" xfId="1" applyNumberFormat="1" applyFont="1" applyFill="1" applyBorder="1" applyAlignment="1">
      <alignment horizontal="right" vertical="center"/>
    </xf>
    <xf numFmtId="177" fontId="16" fillId="0" borderId="7" xfId="1" applyNumberFormat="1" applyFont="1" applyFill="1" applyBorder="1" applyAlignment="1">
      <alignment horizontal="left" vertical="center" indent="1"/>
    </xf>
    <xf numFmtId="177" fontId="16" fillId="0" borderId="7" xfId="1" applyNumberFormat="1" applyFont="1" applyFill="1" applyBorder="1">
      <alignment vertical="center"/>
    </xf>
    <xf numFmtId="176" fontId="16" fillId="0" borderId="7" xfId="1" applyNumberFormat="1" applyFont="1" applyFill="1" applyBorder="1" applyAlignment="1">
      <alignment horizontal="right" vertical="center"/>
    </xf>
    <xf numFmtId="177" fontId="16" fillId="0" borderId="8" xfId="1" applyNumberFormat="1" applyFont="1" applyFill="1" applyBorder="1" applyAlignment="1">
      <alignment horizontal="right" vertical="center"/>
    </xf>
    <xf numFmtId="177" fontId="16" fillId="0" borderId="5" xfId="1" applyNumberFormat="1" applyFont="1" applyFill="1" applyBorder="1">
      <alignment vertical="center"/>
    </xf>
    <xf numFmtId="176" fontId="16" fillId="0" borderId="8" xfId="1" applyNumberFormat="1" applyFont="1" applyFill="1" applyBorder="1" applyAlignment="1">
      <alignment horizontal="right" vertical="center"/>
    </xf>
    <xf numFmtId="0" fontId="16" fillId="0" borderId="4" xfId="1" applyFont="1" applyFill="1" applyBorder="1" applyAlignment="1">
      <alignment horizontal="left" vertical="center"/>
    </xf>
    <xf numFmtId="0" fontId="21" fillId="0" borderId="0" xfId="0" applyFont="1">
      <alignment vertical="center"/>
    </xf>
    <xf numFmtId="0" fontId="22" fillId="0" borderId="0" xfId="0" applyFont="1">
      <alignment vertical="center"/>
    </xf>
    <xf numFmtId="0" fontId="22" fillId="0" borderId="0" xfId="0" applyFont="1" applyAlignment="1">
      <alignment horizontal="center" vertical="center"/>
    </xf>
    <xf numFmtId="0" fontId="21" fillId="0" borderId="0" xfId="0" applyFont="1" applyAlignment="1">
      <alignment horizontal="right" vertical="center"/>
    </xf>
    <xf numFmtId="0" fontId="16" fillId="0" borderId="0" xfId="8" applyFont="1" applyFill="1">
      <alignment vertical="center"/>
    </xf>
    <xf numFmtId="0" fontId="26" fillId="0" borderId="0" xfId="8" applyFont="1">
      <alignment vertical="center"/>
    </xf>
    <xf numFmtId="0" fontId="26" fillId="0" borderId="0" xfId="8" applyFont="1" applyAlignment="1">
      <alignment horizontal="right" vertical="center"/>
    </xf>
    <xf numFmtId="0" fontId="26" fillId="0" borderId="14" xfId="8" applyFont="1" applyBorder="1" applyAlignment="1">
      <alignment horizontal="center" vertical="center" wrapText="1"/>
    </xf>
    <xf numFmtId="0" fontId="26" fillId="0" borderId="14" xfId="8" applyFont="1" applyFill="1" applyBorder="1" applyAlignment="1">
      <alignment horizontal="center" vertical="center"/>
    </xf>
    <xf numFmtId="0" fontId="26" fillId="0" borderId="14" xfId="8" applyFont="1" applyBorder="1" applyAlignment="1">
      <alignment horizontal="center" vertical="center"/>
    </xf>
    <xf numFmtId="0" fontId="26" fillId="0" borderId="15" xfId="8" applyFont="1" applyBorder="1" applyAlignment="1">
      <alignment horizontal="center" vertical="center"/>
    </xf>
    <xf numFmtId="0" fontId="26" fillId="0" borderId="15" xfId="8" applyFont="1" applyFill="1" applyBorder="1" applyAlignment="1">
      <alignment horizontal="center" vertical="center"/>
    </xf>
    <xf numFmtId="0" fontId="26" fillId="0" borderId="10" xfId="8" applyFont="1" applyBorder="1" applyAlignment="1">
      <alignment vertical="center"/>
    </xf>
    <xf numFmtId="0" fontId="26" fillId="0" borderId="11" xfId="8" applyFont="1" applyBorder="1" applyAlignment="1">
      <alignment vertical="center"/>
    </xf>
    <xf numFmtId="0" fontId="26" fillId="0" borderId="12" xfId="8" applyFont="1" applyBorder="1" applyAlignment="1">
      <alignment vertical="center"/>
    </xf>
    <xf numFmtId="176" fontId="26" fillId="0" borderId="9" xfId="8" applyNumberFormat="1" applyFont="1" applyBorder="1">
      <alignment vertical="center"/>
    </xf>
    <xf numFmtId="176" fontId="26" fillId="0" borderId="9" xfId="8" applyNumberFormat="1" applyFont="1" applyFill="1" applyBorder="1">
      <alignment vertical="center"/>
    </xf>
    <xf numFmtId="0" fontId="26" fillId="0" borderId="10" xfId="8" applyFont="1" applyFill="1" applyBorder="1" applyAlignment="1">
      <alignment vertical="center"/>
    </xf>
    <xf numFmtId="0" fontId="26" fillId="0" borderId="11" xfId="8" applyFont="1" applyFill="1" applyBorder="1" applyAlignment="1">
      <alignment vertical="center"/>
    </xf>
    <xf numFmtId="0" fontId="26" fillId="0" borderId="12" xfId="8" applyFont="1" applyFill="1" applyBorder="1" applyAlignment="1">
      <alignment vertical="center"/>
    </xf>
    <xf numFmtId="0" fontId="16" fillId="0" borderId="0" xfId="8" applyFont="1">
      <alignment vertical="center"/>
    </xf>
    <xf numFmtId="0" fontId="16" fillId="0" borderId="0" xfId="8" applyFont="1" applyAlignment="1">
      <alignment horizontal="right" vertical="center"/>
    </xf>
    <xf numFmtId="176" fontId="16" fillId="0" borderId="9" xfId="8" applyNumberFormat="1" applyFont="1" applyBorder="1">
      <alignment vertical="center"/>
    </xf>
    <xf numFmtId="178" fontId="16" fillId="0" borderId="9" xfId="8" applyNumberFormat="1" applyFont="1" applyFill="1" applyBorder="1">
      <alignment vertical="center"/>
    </xf>
    <xf numFmtId="176" fontId="16" fillId="0" borderId="9" xfId="8" applyNumberFormat="1" applyFont="1" applyFill="1" applyBorder="1">
      <alignment vertical="center"/>
    </xf>
    <xf numFmtId="0" fontId="16" fillId="0" borderId="0" xfId="8" applyFont="1" applyFill="1" applyAlignment="1">
      <alignment horizontal="right" vertical="center"/>
    </xf>
    <xf numFmtId="178" fontId="16" fillId="0" borderId="16" xfId="8" applyNumberFormat="1" applyFont="1" applyFill="1" applyBorder="1">
      <alignment vertical="center"/>
    </xf>
    <xf numFmtId="178" fontId="16" fillId="0" borderId="0" xfId="8" applyNumberFormat="1" applyFont="1" applyFill="1" applyBorder="1">
      <alignment vertical="center"/>
    </xf>
    <xf numFmtId="178" fontId="16" fillId="0" borderId="0" xfId="8" applyNumberFormat="1" applyFont="1" applyFill="1">
      <alignment vertical="center"/>
    </xf>
    <xf numFmtId="182" fontId="16" fillId="0" borderId="16" xfId="8" applyNumberFormat="1" applyFont="1" applyFill="1" applyBorder="1">
      <alignment vertical="center"/>
    </xf>
    <xf numFmtId="0" fontId="16" fillId="0" borderId="0" xfId="8" quotePrefix="1" applyFont="1">
      <alignment vertical="center"/>
    </xf>
    <xf numFmtId="0" fontId="16" fillId="0" borderId="9" xfId="8" applyFont="1" applyFill="1" applyBorder="1" applyAlignment="1">
      <alignment horizontal="center" vertical="center"/>
    </xf>
    <xf numFmtId="0" fontId="16" fillId="0" borderId="0" xfId="8" applyFont="1" applyFill="1" applyAlignment="1">
      <alignment vertical="center"/>
    </xf>
    <xf numFmtId="0" fontId="31" fillId="0" borderId="0" xfId="1" applyFont="1" applyFill="1">
      <alignment vertical="center"/>
    </xf>
    <xf numFmtId="0" fontId="32" fillId="0" borderId="0" xfId="4" applyFont="1" applyFill="1" applyAlignment="1">
      <alignment horizontal="left" vertical="center"/>
    </xf>
    <xf numFmtId="0" fontId="22" fillId="0" borderId="0" xfId="0" applyFont="1" applyAlignment="1">
      <alignment horizontal="center" vertical="center"/>
    </xf>
    <xf numFmtId="0" fontId="16" fillId="0" borderId="0" xfId="8" applyFont="1" applyFill="1" applyAlignment="1">
      <alignment horizontal="center" vertical="center"/>
    </xf>
    <xf numFmtId="0" fontId="16" fillId="0" borderId="0" xfId="8" applyFont="1" applyFill="1" applyBorder="1" applyAlignment="1">
      <alignment horizontal="center" vertical="center"/>
    </xf>
    <xf numFmtId="0" fontId="16" fillId="0" borderId="14" xfId="8" applyFont="1" applyFill="1" applyBorder="1" applyAlignment="1">
      <alignment horizontal="center" vertical="center" wrapText="1"/>
    </xf>
    <xf numFmtId="0" fontId="16" fillId="0" borderId="14" xfId="8" applyFont="1" applyFill="1" applyBorder="1" applyAlignment="1">
      <alignment horizontal="center" vertical="center"/>
    </xf>
    <xf numFmtId="0" fontId="16" fillId="0" borderId="15" xfId="8" applyFont="1" applyFill="1" applyBorder="1" applyAlignment="1">
      <alignment horizontal="center" vertical="center"/>
    </xf>
    <xf numFmtId="0" fontId="25" fillId="0" borderId="0" xfId="8" applyFont="1" applyFill="1" applyAlignment="1">
      <alignment vertical="center"/>
    </xf>
    <xf numFmtId="0" fontId="26" fillId="0" borderId="0" xfId="8" applyFont="1" applyFill="1">
      <alignment vertical="center"/>
    </xf>
    <xf numFmtId="179" fontId="16" fillId="0" borderId="9" xfId="8" applyNumberFormat="1" applyFont="1" applyFill="1" applyBorder="1">
      <alignment vertical="center"/>
    </xf>
    <xf numFmtId="180" fontId="16" fillId="0" borderId="9" xfId="8" applyNumberFormat="1" applyFont="1" applyFill="1" applyBorder="1">
      <alignment vertical="center"/>
    </xf>
    <xf numFmtId="178" fontId="16" fillId="0" borderId="9" xfId="0" applyNumberFormat="1" applyFont="1" applyFill="1" applyBorder="1">
      <alignment vertical="center"/>
    </xf>
    <xf numFmtId="179" fontId="16" fillId="0" borderId="9" xfId="0" applyNumberFormat="1" applyFont="1" applyFill="1" applyBorder="1">
      <alignment vertical="center"/>
    </xf>
    <xf numFmtId="178" fontId="16" fillId="0" borderId="17" xfId="8" applyNumberFormat="1" applyFont="1" applyFill="1" applyBorder="1">
      <alignment vertical="center"/>
    </xf>
    <xf numFmtId="179" fontId="16" fillId="0" borderId="18" xfId="8" applyNumberFormat="1" applyFont="1" applyFill="1" applyBorder="1">
      <alignment vertical="center"/>
    </xf>
    <xf numFmtId="181" fontId="16" fillId="0" borderId="9" xfId="7" applyNumberFormat="1" applyFont="1" applyFill="1" applyBorder="1">
      <alignment vertical="center"/>
    </xf>
    <xf numFmtId="178" fontId="16" fillId="0" borderId="12" xfId="8" applyNumberFormat="1" applyFont="1" applyFill="1" applyBorder="1">
      <alignment vertical="center"/>
    </xf>
    <xf numFmtId="178" fontId="16" fillId="0" borderId="19" xfId="0" applyNumberFormat="1" applyFont="1" applyFill="1" applyBorder="1">
      <alignment vertical="center"/>
    </xf>
    <xf numFmtId="0" fontId="16" fillId="0" borderId="0" xfId="8" applyFont="1" applyAlignment="1">
      <alignment horizontal="center" vertical="center"/>
    </xf>
    <xf numFmtId="38" fontId="16" fillId="0" borderId="0" xfId="7" applyFont="1" applyFill="1">
      <alignment vertical="center"/>
    </xf>
    <xf numFmtId="0" fontId="14" fillId="0" borderId="0" xfId="4" applyFont="1" applyFill="1" applyBorder="1" applyAlignment="1">
      <alignment horizontal="left" vertical="center"/>
    </xf>
    <xf numFmtId="0" fontId="14" fillId="0" borderId="0" xfId="5" applyFont="1" applyFill="1" applyBorder="1" applyAlignment="1">
      <alignment horizontal="center" vertical="center"/>
    </xf>
    <xf numFmtId="0" fontId="16" fillId="0" borderId="7" xfId="8" applyFont="1" applyFill="1" applyBorder="1" applyAlignment="1">
      <alignment horizontal="center" vertical="center"/>
    </xf>
    <xf numFmtId="0" fontId="16" fillId="0" borderId="8" xfId="8" applyFont="1" applyFill="1" applyBorder="1" applyAlignment="1">
      <alignment horizontal="center" vertical="center"/>
    </xf>
    <xf numFmtId="0" fontId="16" fillId="0" borderId="10" xfId="8" applyFont="1" applyFill="1" applyBorder="1" applyAlignment="1">
      <alignmen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33" borderId="10" xfId="8" applyFont="1" applyFill="1" applyBorder="1" applyAlignment="1">
      <alignment vertical="center"/>
    </xf>
    <xf numFmtId="176" fontId="16" fillId="33" borderId="9" xfId="8" applyNumberFormat="1" applyFont="1" applyFill="1" applyBorder="1">
      <alignment vertical="center"/>
    </xf>
    <xf numFmtId="0" fontId="16" fillId="33" borderId="12" xfId="8" applyFont="1" applyFill="1" applyBorder="1" applyAlignment="1">
      <alignment vertical="center"/>
    </xf>
    <xf numFmtId="0" fontId="16" fillId="33" borderId="11" xfId="8" applyFont="1" applyFill="1" applyBorder="1" applyAlignment="1">
      <alignment vertical="center"/>
    </xf>
    <xf numFmtId="182" fontId="16" fillId="33" borderId="9" xfId="8" applyNumberFormat="1" applyFont="1" applyFill="1" applyBorder="1">
      <alignment vertical="center"/>
    </xf>
    <xf numFmtId="178" fontId="16" fillId="33" borderId="9" xfId="8" applyNumberFormat="1" applyFont="1" applyFill="1" applyBorder="1">
      <alignment vertical="center"/>
    </xf>
    <xf numFmtId="0" fontId="16" fillId="0" borderId="0" xfId="8" applyFont="1" applyFill="1">
      <alignment vertical="center"/>
    </xf>
    <xf numFmtId="178" fontId="16" fillId="0" borderId="9" xfId="8" applyNumberFormat="1" applyFont="1" applyFill="1" applyBorder="1">
      <alignment vertical="center"/>
    </xf>
    <xf numFmtId="178" fontId="16" fillId="0" borderId="0" xfId="8" applyNumberFormat="1" applyFont="1" applyFill="1">
      <alignment vertical="center"/>
    </xf>
    <xf numFmtId="182" fontId="16" fillId="0" borderId="9" xfId="8" applyNumberFormat="1" applyFont="1" applyFill="1" applyBorder="1">
      <alignment vertical="center"/>
    </xf>
    <xf numFmtId="176" fontId="16" fillId="0" borderId="9" xfId="8" applyNumberFormat="1" applyFont="1" applyFill="1" applyBorder="1">
      <alignment vertical="center"/>
    </xf>
    <xf numFmtId="181" fontId="16" fillId="0" borderId="9" xfId="8" applyNumberFormat="1" applyFont="1" applyFill="1" applyBorder="1">
      <alignment vertical="center"/>
    </xf>
    <xf numFmtId="0" fontId="16" fillId="0" borderId="10" xfId="8" applyFont="1" applyFill="1" applyBorder="1" applyAlignment="1">
      <alignmen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176" fontId="16" fillId="0" borderId="9" xfId="8" applyNumberFormat="1" applyFont="1" applyFill="1" applyBorder="1">
      <alignment vertical="center"/>
    </xf>
    <xf numFmtId="176" fontId="16" fillId="0" borderId="9" xfId="8" applyNumberFormat="1" applyFont="1" applyFill="1" applyBorder="1">
      <alignment vertical="center"/>
    </xf>
    <xf numFmtId="38" fontId="16" fillId="0" borderId="0" xfId="8" applyNumberFormat="1" applyFont="1" applyFill="1">
      <alignment vertical="center"/>
    </xf>
    <xf numFmtId="0" fontId="35" fillId="0" borderId="0" xfId="71" applyFont="1">
      <alignment vertical="center"/>
    </xf>
    <xf numFmtId="0" fontId="13" fillId="0" borderId="0" xfId="4" applyAlignment="1">
      <alignment vertical="center"/>
    </xf>
    <xf numFmtId="0" fontId="15" fillId="0" borderId="0" xfId="4" applyFont="1" applyFill="1" applyBorder="1" applyAlignment="1">
      <alignment horizontal="left" vertical="center"/>
    </xf>
    <xf numFmtId="0" fontId="16" fillId="0" borderId="14" xfId="8" applyFont="1" applyFill="1" applyBorder="1" applyAlignment="1">
      <alignment horizontal="center" vertical="center" wrapText="1"/>
    </xf>
    <xf numFmtId="0" fontId="16" fillId="0" borderId="14" xfId="8" applyFont="1" applyFill="1" applyBorder="1" applyAlignment="1">
      <alignment horizontal="center" vertical="center"/>
    </xf>
    <xf numFmtId="0" fontId="16" fillId="0" borderId="15" xfId="8" applyFont="1" applyFill="1" applyBorder="1" applyAlignment="1">
      <alignment horizontal="center" vertical="center"/>
    </xf>
    <xf numFmtId="0" fontId="17" fillId="0" borderId="0" xfId="1" applyFont="1" applyFill="1" applyBorder="1">
      <alignment vertical="center"/>
    </xf>
    <xf numFmtId="0" fontId="18" fillId="0" borderId="0" xfId="2" applyFont="1" applyFill="1" applyBorder="1" applyAlignment="1"/>
    <xf numFmtId="0" fontId="13" fillId="0" borderId="0" xfId="4" applyAlignment="1"/>
    <xf numFmtId="0" fontId="19" fillId="0" borderId="0" xfId="2" applyFont="1" applyFill="1" applyBorder="1" applyAlignment="1"/>
    <xf numFmtId="0" fontId="15" fillId="0" borderId="0" xfId="3" applyFont="1" applyFill="1" applyBorder="1" applyAlignment="1">
      <alignment horizontal="left" vertical="center"/>
    </xf>
    <xf numFmtId="0" fontId="18" fillId="0" borderId="0" xfId="71" applyFont="1" applyAlignment="1">
      <alignment vertical="center"/>
    </xf>
    <xf numFmtId="0" fontId="19" fillId="0" borderId="0" xfId="1" applyFont="1" applyFill="1" applyAlignment="1">
      <alignment vertical="center"/>
    </xf>
    <xf numFmtId="0" fontId="14" fillId="0" borderId="0" xfId="4" applyFont="1" applyFill="1" applyBorder="1" applyAlignment="1">
      <alignment horizontal="left" vertical="center"/>
    </xf>
    <xf numFmtId="0" fontId="14" fillId="0" borderId="0" xfId="5" applyFont="1" applyFill="1" applyBorder="1" applyAlignment="1">
      <alignment horizontal="center" vertical="center"/>
    </xf>
    <xf numFmtId="0" fontId="18" fillId="0" borderId="0" xfId="71" applyFont="1" applyAlignment="1">
      <alignment horizontal="center" vertical="center"/>
    </xf>
    <xf numFmtId="0" fontId="13" fillId="0" borderId="0" xfId="4" applyAlignment="1">
      <alignment vertical="center"/>
    </xf>
    <xf numFmtId="0" fontId="19" fillId="0" borderId="0" xfId="4" applyFont="1" applyFill="1" applyAlignment="1">
      <alignment vertical="center"/>
    </xf>
    <xf numFmtId="0" fontId="19" fillId="0" borderId="0" xfId="3" applyFont="1" applyFill="1" applyAlignment="1">
      <alignment vertical="center"/>
    </xf>
    <xf numFmtId="0" fontId="52" fillId="0" borderId="9" xfId="71" applyFont="1" applyBorder="1" applyAlignment="1">
      <alignment vertical="top" wrapText="1"/>
    </xf>
    <xf numFmtId="0" fontId="53" fillId="0" borderId="0" xfId="71" applyFont="1">
      <alignment vertical="center"/>
    </xf>
    <xf numFmtId="0" fontId="52" fillId="0" borderId="14" xfId="71" applyFont="1" applyBorder="1" applyAlignment="1">
      <alignment horizontal="left" vertical="top" wrapText="1"/>
    </xf>
    <xf numFmtId="0" fontId="52" fillId="0" borderId="0" xfId="1" applyFont="1" applyFill="1">
      <alignment vertical="center"/>
    </xf>
    <xf numFmtId="0" fontId="53" fillId="0" borderId="0" xfId="71" applyFont="1" applyAlignment="1">
      <alignment horizontal="center" vertical="center"/>
    </xf>
    <xf numFmtId="0" fontId="52" fillId="0" borderId="0" xfId="71" applyFont="1">
      <alignment vertical="center"/>
    </xf>
    <xf numFmtId="0" fontId="52" fillId="0" borderId="0" xfId="71" applyFont="1" applyAlignment="1">
      <alignment horizontal="right" vertical="center"/>
    </xf>
    <xf numFmtId="0" fontId="52" fillId="0" borderId="9" xfId="71" applyFont="1" applyFill="1" applyBorder="1" applyAlignment="1">
      <alignment horizontal="center" vertical="center" wrapText="1"/>
    </xf>
    <xf numFmtId="0" fontId="52" fillId="0" borderId="9" xfId="71" applyFont="1" applyBorder="1" applyAlignment="1">
      <alignment horizontal="center" vertical="center"/>
    </xf>
    <xf numFmtId="38" fontId="52" fillId="0" borderId="9" xfId="72" applyFont="1" applyFill="1" applyBorder="1" applyAlignment="1">
      <alignment horizontal="right" vertical="center"/>
    </xf>
    <xf numFmtId="0" fontId="52" fillId="0" borderId="0" xfId="71" applyFont="1" applyFill="1" applyBorder="1">
      <alignment vertical="center"/>
    </xf>
    <xf numFmtId="0" fontId="52" fillId="0" borderId="9" xfId="71" applyFont="1" applyBorder="1" applyAlignment="1">
      <alignment vertical="center" wrapText="1"/>
    </xf>
    <xf numFmtId="0" fontId="52" fillId="0" borderId="0" xfId="71" applyFont="1" applyFill="1">
      <alignment vertical="center"/>
    </xf>
    <xf numFmtId="0" fontId="52" fillId="0" borderId="0" xfId="71" applyFont="1" applyFill="1" applyAlignment="1">
      <alignment vertical="top" wrapText="1"/>
    </xf>
    <xf numFmtId="0" fontId="53" fillId="0" borderId="0" xfId="71" applyFont="1" applyAlignment="1">
      <alignment horizontal="right" vertical="center"/>
    </xf>
    <xf numFmtId="0" fontId="52" fillId="0" borderId="0" xfId="71" applyFont="1" applyFill="1" applyAlignment="1">
      <alignment horizontal="center" vertical="top" wrapText="1"/>
    </xf>
    <xf numFmtId="0" fontId="14" fillId="0" borderId="0" xfId="4" applyFont="1" applyFill="1" applyBorder="1" applyAlignment="1">
      <alignment horizontal="left" vertical="center"/>
    </xf>
    <xf numFmtId="0" fontId="19" fillId="0" borderId="0" xfId="1" applyFont="1" applyFill="1" applyAlignment="1">
      <alignment horizontal="left" vertical="center"/>
    </xf>
    <xf numFmtId="0" fontId="14" fillId="0" borderId="0" xfId="5" applyFont="1" applyFill="1" applyBorder="1" applyAlignment="1">
      <alignment horizontal="center" vertical="center"/>
    </xf>
    <xf numFmtId="0" fontId="16" fillId="0" borderId="7" xfId="8" applyFont="1" applyFill="1" applyBorder="1" applyAlignment="1">
      <alignment horizontal="center" vertical="center"/>
    </xf>
    <xf numFmtId="0" fontId="16" fillId="0" borderId="8" xfId="8" applyFont="1" applyFill="1" applyBorder="1" applyAlignment="1">
      <alignment horizontal="center" vertical="center"/>
    </xf>
    <xf numFmtId="0" fontId="16" fillId="0" borderId="10" xfId="8" applyFont="1" applyFill="1" applyBorder="1" applyAlignment="1">
      <alignment vertical="center"/>
    </xf>
    <xf numFmtId="0" fontId="26" fillId="0" borderId="10" xfId="8" applyFont="1" applyFill="1" applyBorder="1" applyAlignment="1">
      <alignment vertical="center"/>
    </xf>
    <xf numFmtId="0" fontId="26" fillId="0" borderId="11" xfId="8" applyFont="1" applyFill="1" applyBorder="1" applyAlignment="1">
      <alignment vertical="center"/>
    </xf>
    <xf numFmtId="0" fontId="26" fillId="0" borderId="12" xfId="8" applyFont="1" applyFill="1" applyBorder="1" applyAlignment="1">
      <alignment vertical="center"/>
    </xf>
    <xf numFmtId="0" fontId="16" fillId="0" borderId="0" xfId="8" applyFont="1" applyAlignment="1">
      <alignment horizontal="center" vertical="center"/>
    </xf>
    <xf numFmtId="0" fontId="13" fillId="0" borderId="0" xfId="4" applyAlignment="1">
      <alignment vertical="center"/>
    </xf>
    <xf numFmtId="0" fontId="29" fillId="0" borderId="0" xfId="4" applyFont="1" applyFill="1" applyAlignment="1">
      <alignment horizontal="left" vertical="center"/>
    </xf>
    <xf numFmtId="0" fontId="21" fillId="0" borderId="0" xfId="71" applyFont="1">
      <alignment vertical="center"/>
    </xf>
    <xf numFmtId="0" fontId="54" fillId="0" borderId="0" xfId="4" applyFont="1" applyFill="1" applyAlignment="1">
      <alignment horizontal="left" vertical="center"/>
    </xf>
    <xf numFmtId="0" fontId="52" fillId="0" borderId="0" xfId="71" applyFont="1" applyAlignment="1">
      <alignment vertical="center" wrapText="1"/>
    </xf>
    <xf numFmtId="0" fontId="55" fillId="0" borderId="0" xfId="71" applyFont="1">
      <alignment vertical="center"/>
    </xf>
    <xf numFmtId="0" fontId="16" fillId="0" borderId="7" xfId="8" applyFont="1" applyFill="1" applyBorder="1" applyAlignment="1">
      <alignment horizontal="center" vertical="center"/>
    </xf>
    <xf numFmtId="0" fontId="16" fillId="0" borderId="8" xfId="8" applyFont="1" applyFill="1" applyBorder="1" applyAlignment="1">
      <alignment horizontal="center" vertical="center"/>
    </xf>
    <xf numFmtId="0" fontId="16" fillId="0" borderId="10" xfId="8" applyFont="1" applyFill="1" applyBorder="1" applyAlignment="1">
      <alignment vertical="center"/>
    </xf>
    <xf numFmtId="0" fontId="16" fillId="0" borderId="0" xfId="8" applyFont="1" applyAlignment="1">
      <alignment horizontal="center" vertical="center"/>
    </xf>
    <xf numFmtId="0" fontId="56" fillId="0" borderId="0" xfId="1" applyFont="1" applyFill="1">
      <alignment vertical="center"/>
    </xf>
    <xf numFmtId="0" fontId="57" fillId="0" borderId="0" xfId="1" applyFont="1" applyFill="1">
      <alignment vertical="center"/>
    </xf>
    <xf numFmtId="0" fontId="30" fillId="0" borderId="0" xfId="71" applyFont="1" applyAlignment="1">
      <alignment vertical="center"/>
    </xf>
    <xf numFmtId="178" fontId="16" fillId="0" borderId="9" xfId="8" applyNumberFormat="1" applyFont="1" applyFill="1" applyBorder="1" applyAlignment="1">
      <alignment horizontal="center" vertical="center"/>
    </xf>
    <xf numFmtId="176" fontId="16" fillId="0" borderId="9" xfId="8" applyNumberFormat="1" applyFont="1" applyFill="1" applyBorder="1" applyAlignment="1">
      <alignment horizontal="center" vertical="center"/>
    </xf>
    <xf numFmtId="182" fontId="16" fillId="0" borderId="9" xfId="8" applyNumberFormat="1" applyFont="1" applyFill="1" applyBorder="1" applyAlignment="1">
      <alignment horizontal="center" vertical="center"/>
    </xf>
    <xf numFmtId="0" fontId="58" fillId="0" borderId="0" xfId="71" applyFont="1">
      <alignment vertical="center"/>
    </xf>
    <xf numFmtId="38" fontId="26" fillId="0" borderId="0" xfId="7" applyFont="1" applyFill="1">
      <alignment vertical="center"/>
    </xf>
    <xf numFmtId="178" fontId="26" fillId="0" borderId="0" xfId="8" applyNumberFormat="1" applyFont="1" applyFill="1">
      <alignment vertical="center"/>
    </xf>
    <xf numFmtId="0" fontId="26" fillId="34" borderId="0" xfId="8" applyFont="1" applyFill="1">
      <alignment vertical="center"/>
    </xf>
    <xf numFmtId="182" fontId="26" fillId="0" borderId="0" xfId="8" applyNumberFormat="1" applyFont="1" applyFill="1">
      <alignment vertical="center"/>
    </xf>
    <xf numFmtId="0" fontId="26" fillId="0" borderId="0" xfId="1" applyFont="1" applyFill="1">
      <alignment vertical="center"/>
    </xf>
    <xf numFmtId="0" fontId="59" fillId="0" borderId="0" xfId="71" applyFont="1">
      <alignment vertical="center"/>
    </xf>
    <xf numFmtId="178" fontId="16" fillId="33" borderId="9" xfId="8" applyNumberFormat="1" applyFont="1" applyFill="1" applyBorder="1" applyAlignment="1">
      <alignment vertical="center"/>
    </xf>
    <xf numFmtId="0" fontId="52" fillId="0" borderId="0" xfId="71" applyFont="1" applyFill="1" applyAlignment="1">
      <alignment vertical="top" wrapText="1"/>
    </xf>
    <xf numFmtId="0" fontId="53" fillId="0" borderId="0" xfId="71" applyFont="1" applyAlignment="1">
      <alignment horizontal="center" vertical="center"/>
    </xf>
    <xf numFmtId="0" fontId="18" fillId="0" borderId="0" xfId="71" applyFont="1" applyAlignment="1">
      <alignment horizontal="center" vertical="center"/>
    </xf>
    <xf numFmtId="0" fontId="52" fillId="0" borderId="14" xfId="71" applyFont="1" applyBorder="1" applyAlignment="1">
      <alignment horizontal="left" vertical="top" wrapText="1"/>
    </xf>
    <xf numFmtId="0" fontId="16" fillId="0" borderId="15" xfId="8" applyFont="1" applyFill="1" applyBorder="1" applyAlignment="1">
      <alignment horizontal="center" vertical="center"/>
    </xf>
    <xf numFmtId="0" fontId="52" fillId="0" borderId="0" xfId="71" applyFont="1" applyBorder="1">
      <alignment vertical="center"/>
    </xf>
    <xf numFmtId="0" fontId="52" fillId="0" borderId="0" xfId="71" applyFont="1" applyBorder="1" applyAlignment="1">
      <alignment horizontal="right" vertical="center"/>
    </xf>
    <xf numFmtId="0" fontId="52" fillId="0" borderId="0" xfId="71" applyFont="1" applyBorder="1" applyAlignment="1">
      <alignment horizontal="center" vertical="center"/>
    </xf>
    <xf numFmtId="38" fontId="52" fillId="0" borderId="0" xfId="72" applyFont="1" applyFill="1" applyBorder="1" applyAlignment="1">
      <alignment horizontal="right" vertical="center"/>
    </xf>
    <xf numFmtId="0" fontId="52" fillId="0" borderId="0" xfId="71" applyFont="1" applyBorder="1" applyAlignment="1">
      <alignment vertical="center" wrapText="1"/>
    </xf>
    <xf numFmtId="0" fontId="52" fillId="0" borderId="0" xfId="71" applyFont="1" applyFill="1" applyBorder="1" applyAlignment="1">
      <alignment vertical="top" wrapText="1"/>
    </xf>
    <xf numFmtId="0" fontId="52" fillId="0" borderId="0" xfId="71" applyFont="1" applyFill="1" applyBorder="1" applyAlignment="1">
      <alignment horizontal="center" vertical="center" wrapText="1"/>
    </xf>
    <xf numFmtId="3" fontId="52" fillId="0" borderId="0" xfId="71" applyNumberFormat="1" applyFont="1" applyFill="1" applyBorder="1" applyAlignment="1">
      <alignment horizontal="right" vertical="center"/>
    </xf>
    <xf numFmtId="0" fontId="25" fillId="0" borderId="0" xfId="8" applyFont="1" applyAlignment="1">
      <alignment horizontal="right" vertical="center"/>
    </xf>
    <xf numFmtId="0" fontId="25" fillId="0" borderId="0" xfId="8" applyFont="1" applyAlignment="1">
      <alignment horizontal="left" vertical="center"/>
    </xf>
    <xf numFmtId="0" fontId="18" fillId="0" borderId="0" xfId="71" applyFont="1" applyAlignment="1">
      <alignment horizontal="right" vertical="center"/>
    </xf>
    <xf numFmtId="0" fontId="18" fillId="0" borderId="0" xfId="71" applyFont="1" applyAlignment="1">
      <alignment horizontal="left" vertical="center"/>
    </xf>
    <xf numFmtId="182" fontId="16" fillId="33" borderId="9" xfId="74" applyNumberFormat="1" applyFont="1" applyFill="1" applyBorder="1" applyAlignment="1">
      <alignment vertical="center"/>
    </xf>
    <xf numFmtId="0" fontId="25" fillId="0" borderId="0" xfId="8" applyFont="1" applyAlignment="1">
      <alignment horizontal="right" vertical="center"/>
    </xf>
    <xf numFmtId="0" fontId="25" fillId="0" borderId="0" xfId="8" applyFont="1" applyAlignment="1">
      <alignment horizontal="left" vertical="center"/>
    </xf>
    <xf numFmtId="0" fontId="18" fillId="0" borderId="0" xfId="71" applyFont="1" applyAlignment="1">
      <alignment horizontal="right" vertical="center"/>
    </xf>
    <xf numFmtId="0" fontId="18" fillId="0" borderId="0" xfId="71" applyFont="1" applyAlignment="1">
      <alignment horizontal="left" vertical="center"/>
    </xf>
    <xf numFmtId="0" fontId="33" fillId="0" borderId="0" xfId="71" applyFont="1" applyAlignment="1">
      <alignment vertical="center"/>
    </xf>
    <xf numFmtId="0" fontId="25" fillId="0" borderId="0" xfId="8" applyFont="1" applyAlignment="1">
      <alignment vertical="center"/>
    </xf>
    <xf numFmtId="0" fontId="16" fillId="0" borderId="0" xfId="8" applyFont="1" applyAlignment="1">
      <alignment horizontal="center" vertical="center"/>
    </xf>
    <xf numFmtId="0" fontId="60" fillId="0" borderId="0" xfId="71" applyFont="1" applyAlignment="1">
      <alignment horizontal="left" vertical="top"/>
    </xf>
    <xf numFmtId="0" fontId="60" fillId="0" borderId="0" xfId="71" applyFont="1" applyAlignment="1">
      <alignment vertical="top" wrapText="1"/>
    </xf>
    <xf numFmtId="0" fontId="26" fillId="0" borderId="11" xfId="8" applyFont="1" applyFill="1" applyBorder="1" applyAlignment="1">
      <alignment vertical="center"/>
    </xf>
    <xf numFmtId="0" fontId="61" fillId="0" borderId="0" xfId="71" applyFont="1" applyFill="1" applyAlignment="1">
      <alignment vertical="top" wrapText="1"/>
    </xf>
    <xf numFmtId="0" fontId="61" fillId="0" borderId="0" xfId="71" applyFont="1">
      <alignment vertical="center"/>
    </xf>
    <xf numFmtId="0" fontId="26" fillId="0" borderId="0" xfId="1" applyFont="1" applyFill="1" applyBorder="1">
      <alignment vertical="center"/>
    </xf>
    <xf numFmtId="0" fontId="62" fillId="0" borderId="0" xfId="1" applyFont="1" applyFill="1" applyBorder="1">
      <alignment vertical="center"/>
    </xf>
    <xf numFmtId="177" fontId="26" fillId="0" borderId="4" xfId="1" applyNumberFormat="1" applyFont="1" applyFill="1" applyBorder="1" applyAlignment="1">
      <alignment vertical="center"/>
    </xf>
    <xf numFmtId="177" fontId="26" fillId="0" borderId="0" xfId="1" applyNumberFormat="1" applyFont="1" applyFill="1" applyBorder="1" applyAlignment="1">
      <alignment horizontal="left" vertical="center" indent="1"/>
    </xf>
    <xf numFmtId="177" fontId="26" fillId="0" borderId="6" xfId="1" applyNumberFormat="1" applyFont="1" applyFill="1" applyBorder="1" applyAlignment="1">
      <alignment vertical="center"/>
    </xf>
    <xf numFmtId="177" fontId="26" fillId="0" borderId="7" xfId="1" applyNumberFormat="1" applyFont="1" applyFill="1" applyBorder="1" applyAlignment="1">
      <alignment horizontal="left" vertical="center" indent="1"/>
    </xf>
    <xf numFmtId="0" fontId="63" fillId="0" borderId="0" xfId="0" applyFont="1">
      <alignment vertical="center"/>
    </xf>
    <xf numFmtId="0" fontId="61" fillId="0" borderId="9" xfId="71" applyFont="1" applyFill="1" applyBorder="1" applyAlignment="1">
      <alignment horizontal="center" vertical="center" wrapText="1"/>
    </xf>
    <xf numFmtId="3" fontId="61" fillId="0" borderId="9" xfId="71" applyNumberFormat="1" applyFont="1" applyFill="1" applyBorder="1" applyAlignment="1">
      <alignment horizontal="right" vertical="center"/>
    </xf>
    <xf numFmtId="38" fontId="61" fillId="0" borderId="9" xfId="72" applyFont="1" applyFill="1" applyBorder="1" applyAlignment="1">
      <alignment horizontal="right" vertical="center"/>
    </xf>
    <xf numFmtId="0" fontId="61" fillId="0" borderId="9" xfId="71" applyFont="1" applyBorder="1" applyAlignment="1">
      <alignment horizontal="center" vertical="center"/>
    </xf>
    <xf numFmtId="0" fontId="61" fillId="0" borderId="0" xfId="71" applyFont="1" applyFill="1" applyBorder="1">
      <alignment vertical="center"/>
    </xf>
    <xf numFmtId="0" fontId="23" fillId="0" borderId="0" xfId="0" applyFont="1" applyAlignment="1">
      <alignment horizontal="center" vertical="center"/>
    </xf>
    <xf numFmtId="0" fontId="28" fillId="0" borderId="0" xfId="0" applyFont="1" applyAlignment="1">
      <alignment horizontal="center" vertical="center"/>
    </xf>
    <xf numFmtId="0" fontId="29" fillId="0" borderId="0" xfId="0" applyFont="1" applyAlignment="1">
      <alignment horizontal="center" vertical="center"/>
    </xf>
    <xf numFmtId="0" fontId="22" fillId="0" borderId="0" xfId="0" applyFont="1" applyAlignment="1">
      <alignment horizontal="center" vertical="center"/>
    </xf>
    <xf numFmtId="0" fontId="22" fillId="0" borderId="0" xfId="0" applyFont="1" applyAlignment="1">
      <alignment horizontal="distributed" vertical="center" indent="6"/>
    </xf>
    <xf numFmtId="0" fontId="18" fillId="0" borderId="0" xfId="4" applyFont="1" applyFill="1" applyBorder="1" applyAlignment="1">
      <alignment horizontal="center"/>
    </xf>
    <xf numFmtId="0" fontId="19" fillId="0" borderId="0" xfId="4" applyFont="1" applyFill="1" applyBorder="1" applyAlignment="1">
      <alignment horizontal="center" vertical="center"/>
    </xf>
    <xf numFmtId="0" fontId="19" fillId="0" borderId="0" xfId="4" applyFont="1" applyFill="1" applyAlignment="1">
      <alignment horizontal="left" vertical="center"/>
    </xf>
    <xf numFmtId="0" fontId="14" fillId="0" borderId="0" xfId="4" applyFont="1" applyFill="1" applyBorder="1" applyAlignment="1">
      <alignment horizontal="center" vertical="center"/>
    </xf>
    <xf numFmtId="49" fontId="14" fillId="0" borderId="0" xfId="4" applyNumberFormat="1" applyFont="1" applyFill="1" applyBorder="1" applyAlignment="1">
      <alignment horizontal="center" vertical="center"/>
    </xf>
    <xf numFmtId="0" fontId="14" fillId="0" borderId="7" xfId="1" applyFont="1" applyFill="1" applyBorder="1" applyAlignment="1">
      <alignment horizontal="center" vertical="center"/>
    </xf>
    <xf numFmtId="0" fontId="16" fillId="0" borderId="0" xfId="1" applyFont="1" applyFill="1" applyBorder="1" applyAlignment="1">
      <alignment horizontal="center" vertical="center"/>
    </xf>
    <xf numFmtId="0" fontId="18" fillId="0" borderId="0" xfId="2" applyFont="1" applyFill="1" applyBorder="1" applyAlignment="1">
      <alignment horizontal="center"/>
    </xf>
    <xf numFmtId="0" fontId="19" fillId="0" borderId="0" xfId="2" applyFont="1" applyFill="1" applyBorder="1" applyAlignment="1">
      <alignment horizontal="center"/>
    </xf>
    <xf numFmtId="0" fontId="19" fillId="0" borderId="0" xfId="1" applyFont="1" applyFill="1" applyBorder="1" applyAlignment="1">
      <alignment horizontal="center" vertical="center"/>
    </xf>
    <xf numFmtId="0" fontId="16" fillId="0" borderId="9" xfId="1" applyFont="1" applyFill="1" applyBorder="1" applyAlignment="1">
      <alignment horizontal="center" vertical="center"/>
    </xf>
    <xf numFmtId="0" fontId="19" fillId="0" borderId="0" xfId="1" applyFont="1" applyFill="1" applyAlignment="1">
      <alignment horizontal="left" vertical="center"/>
    </xf>
    <xf numFmtId="0" fontId="18" fillId="0" borderId="0" xfId="1" applyFont="1" applyFill="1" applyBorder="1" applyAlignment="1">
      <alignment horizontal="center" vertical="center"/>
    </xf>
    <xf numFmtId="0" fontId="18" fillId="0" borderId="0" xfId="5" applyFont="1" applyFill="1" applyBorder="1" applyAlignment="1">
      <alignment horizontal="center"/>
    </xf>
    <xf numFmtId="0" fontId="19" fillId="0" borderId="0" xfId="5" applyFont="1" applyFill="1" applyBorder="1" applyAlignment="1">
      <alignment horizontal="center" vertical="center"/>
    </xf>
    <xf numFmtId="0" fontId="19" fillId="0" borderId="0" xfId="3" applyFont="1" applyFill="1" applyAlignment="1">
      <alignment horizontal="left" vertical="center"/>
    </xf>
    <xf numFmtId="0" fontId="14" fillId="0" borderId="0" xfId="5" applyFont="1" applyFill="1" applyBorder="1" applyAlignment="1">
      <alignment horizontal="center" vertical="center"/>
    </xf>
    <xf numFmtId="0" fontId="52" fillId="0" borderId="0" xfId="71" applyFont="1" applyFill="1" applyAlignment="1">
      <alignment horizontal="left" vertical="top" wrapText="1"/>
    </xf>
    <xf numFmtId="0" fontId="52" fillId="0" borderId="0" xfId="71" applyFont="1" applyFill="1" applyAlignment="1">
      <alignment vertical="top" wrapText="1"/>
    </xf>
    <xf numFmtId="0" fontId="52" fillId="0" borderId="0" xfId="71" applyFont="1" applyFill="1" applyAlignment="1">
      <alignment horizontal="left" vertical="center" wrapText="1"/>
    </xf>
    <xf numFmtId="0" fontId="61" fillId="0" borderId="0" xfId="71" applyFont="1" applyFill="1" applyAlignment="1">
      <alignment horizontal="left" vertical="top" wrapText="1"/>
    </xf>
    <xf numFmtId="0" fontId="52" fillId="0" borderId="9" xfId="71" applyFont="1" applyBorder="1" applyAlignment="1">
      <alignment horizontal="left" vertical="top" wrapText="1"/>
    </xf>
    <xf numFmtId="0" fontId="53" fillId="0" borderId="0" xfId="1" applyFont="1" applyFill="1" applyAlignment="1">
      <alignment horizontal="left" vertical="center"/>
    </xf>
    <xf numFmtId="0" fontId="53" fillId="0" borderId="0" xfId="71" applyFont="1" applyAlignment="1">
      <alignment horizontal="center" vertical="center"/>
    </xf>
    <xf numFmtId="0" fontId="18" fillId="0" borderId="0" xfId="71" applyFont="1" applyAlignment="1">
      <alignment horizontal="center" vertical="center"/>
    </xf>
    <xf numFmtId="0" fontId="52" fillId="0" borderId="14" xfId="71" applyFont="1" applyBorder="1" applyAlignment="1">
      <alignment horizontal="left" vertical="top" wrapText="1"/>
    </xf>
    <xf numFmtId="0" fontId="26" fillId="0" borderId="0" xfId="8" applyFont="1" applyAlignment="1">
      <alignment horizontal="left" vertical="center"/>
    </xf>
    <xf numFmtId="0" fontId="25" fillId="0" borderId="0" xfId="8" applyFont="1" applyAlignment="1">
      <alignment horizontal="right" vertical="center"/>
    </xf>
    <xf numFmtId="0" fontId="25" fillId="0" borderId="0" xfId="8" applyFont="1" applyAlignment="1">
      <alignment horizontal="left" vertical="center"/>
    </xf>
    <xf numFmtId="0" fontId="33" fillId="0" borderId="0" xfId="71" applyFont="1" applyAlignment="1">
      <alignment horizontal="right" vertical="center"/>
    </xf>
    <xf numFmtId="0" fontId="33" fillId="0" borderId="0" xfId="71" applyFont="1" applyAlignment="1">
      <alignment horizontal="left" vertical="center"/>
    </xf>
    <xf numFmtId="0" fontId="26" fillId="0" borderId="1" xfId="8" applyFont="1" applyBorder="1" applyAlignment="1">
      <alignment horizontal="center" vertical="center"/>
    </xf>
    <xf numFmtId="0" fontId="26" fillId="0" borderId="2" xfId="8" applyFont="1" applyBorder="1" applyAlignment="1">
      <alignment horizontal="center" vertical="center"/>
    </xf>
    <xf numFmtId="0" fontId="26" fillId="0" borderId="3" xfId="8" applyFont="1" applyBorder="1" applyAlignment="1">
      <alignment horizontal="center" vertical="center"/>
    </xf>
    <xf numFmtId="0" fontId="26" fillId="0" borderId="6" xfId="8" applyFont="1" applyBorder="1" applyAlignment="1">
      <alignment horizontal="center" vertical="center"/>
    </xf>
    <xf numFmtId="0" fontId="26" fillId="0" borderId="7" xfId="8" applyFont="1" applyBorder="1" applyAlignment="1">
      <alignment horizontal="center" vertical="center"/>
    </xf>
    <xf numFmtId="0" fontId="26" fillId="0" borderId="8" xfId="8" applyFont="1" applyBorder="1" applyAlignment="1">
      <alignment horizontal="center" vertical="center"/>
    </xf>
    <xf numFmtId="0" fontId="26" fillId="0" borderId="10" xfId="8" applyFont="1" applyBorder="1" applyAlignment="1">
      <alignment horizontal="center" vertical="center"/>
    </xf>
    <xf numFmtId="0" fontId="26" fillId="0" borderId="11" xfId="8" applyFont="1" applyBorder="1" applyAlignment="1">
      <alignment horizontal="center" vertical="center"/>
    </xf>
    <xf numFmtId="0" fontId="26" fillId="0" borderId="12" xfId="8" applyFont="1" applyBorder="1" applyAlignment="1">
      <alignment horizontal="center" vertical="center"/>
    </xf>
    <xf numFmtId="0" fontId="18" fillId="0" borderId="0" xfId="71" applyFont="1" applyAlignment="1">
      <alignment horizontal="right" vertical="center"/>
    </xf>
    <xf numFmtId="0" fontId="18" fillId="0" borderId="0" xfId="71" applyFont="1" applyAlignment="1">
      <alignment horizontal="left" vertical="center"/>
    </xf>
    <xf numFmtId="0" fontId="16" fillId="0" borderId="10" xfId="8" applyFont="1" applyFill="1" applyBorder="1" applyAlignment="1">
      <alignment horizontal="center" vertical="center"/>
    </xf>
    <xf numFmtId="0" fontId="16" fillId="0" borderId="11" xfId="8" applyFont="1" applyFill="1" applyBorder="1" applyAlignment="1">
      <alignment horizontal="center" vertical="center"/>
    </xf>
    <xf numFmtId="0" fontId="16" fillId="0" borderId="12" xfId="8" applyFont="1" applyFill="1" applyBorder="1" applyAlignment="1">
      <alignment horizontal="center" vertical="center"/>
    </xf>
    <xf numFmtId="0" fontId="16" fillId="0" borderId="1" xfId="8" applyFont="1" applyFill="1" applyBorder="1" applyAlignment="1">
      <alignment horizontal="center" vertical="center"/>
    </xf>
    <xf numFmtId="0" fontId="16" fillId="0" borderId="2" xfId="8" applyFont="1" applyFill="1" applyBorder="1" applyAlignment="1">
      <alignment horizontal="center" vertical="center"/>
    </xf>
    <xf numFmtId="0" fontId="16" fillId="0" borderId="3" xfId="8" applyFont="1" applyFill="1" applyBorder="1" applyAlignment="1">
      <alignment horizontal="center" vertical="center"/>
    </xf>
    <xf numFmtId="0" fontId="16" fillId="0" borderId="6" xfId="8" applyFont="1" applyFill="1" applyBorder="1" applyAlignment="1">
      <alignment horizontal="center" vertical="center"/>
    </xf>
    <xf numFmtId="0" fontId="16" fillId="0" borderId="7" xfId="8" applyFont="1" applyFill="1" applyBorder="1" applyAlignment="1">
      <alignment horizontal="center" vertical="center"/>
    </xf>
    <xf numFmtId="0" fontId="16" fillId="0" borderId="8" xfId="8" applyFont="1" applyFill="1" applyBorder="1" applyAlignment="1">
      <alignment horizontal="center" vertical="center"/>
    </xf>
    <xf numFmtId="0" fontId="16" fillId="0" borderId="14" xfId="8" applyFont="1" applyFill="1" applyBorder="1" applyAlignment="1">
      <alignment horizontal="center" vertical="center" wrapText="1"/>
    </xf>
    <xf numFmtId="0" fontId="16" fillId="0" borderId="15" xfId="8" applyFont="1" applyFill="1" applyBorder="1" applyAlignment="1">
      <alignment horizontal="center" vertical="center" wrapText="1"/>
    </xf>
    <xf numFmtId="0" fontId="16" fillId="0" borderId="14" xfId="8" applyFont="1" applyFill="1" applyBorder="1" applyAlignment="1">
      <alignment horizontal="center" vertical="center"/>
    </xf>
    <xf numFmtId="0" fontId="16" fillId="0" borderId="15" xfId="8" applyFont="1" applyFill="1" applyBorder="1" applyAlignment="1">
      <alignment horizontal="center" vertical="center"/>
    </xf>
    <xf numFmtId="0" fontId="16" fillId="0" borderId="10" xfId="8" applyFont="1" applyFill="1" applyBorder="1" applyAlignment="1">
      <alignmen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0" xfId="8" applyFont="1" applyFill="1" applyBorder="1" applyAlignment="1">
      <alignment vertical="center" wrapText="1"/>
    </xf>
    <xf numFmtId="0" fontId="16" fillId="0" borderId="11" xfId="8" applyFont="1" applyFill="1" applyBorder="1" applyAlignment="1">
      <alignment vertical="center" wrapText="1"/>
    </xf>
    <xf numFmtId="0" fontId="16" fillId="0" borderId="12" xfId="8" applyFont="1" applyFill="1" applyBorder="1" applyAlignment="1">
      <alignment vertical="center" wrapText="1"/>
    </xf>
    <xf numFmtId="0" fontId="26" fillId="0" borderId="11" xfId="8" applyFont="1" applyFill="1" applyBorder="1" applyAlignment="1">
      <alignment vertical="center"/>
    </xf>
    <xf numFmtId="0" fontId="26" fillId="0" borderId="6" xfId="8" applyFont="1" applyFill="1" applyBorder="1" applyAlignment="1">
      <alignment horizontal="left" vertical="center"/>
    </xf>
    <xf numFmtId="0" fontId="26" fillId="0" borderId="7" xfId="8" applyFont="1" applyFill="1" applyBorder="1" applyAlignment="1">
      <alignment horizontal="left" vertical="center"/>
    </xf>
    <xf numFmtId="0" fontId="26" fillId="0" borderId="8" xfId="8" applyFont="1" applyFill="1" applyBorder="1" applyAlignment="1">
      <alignment horizontal="left" vertical="center"/>
    </xf>
    <xf numFmtId="0" fontId="26" fillId="0" borderId="10" xfId="8" applyFont="1" applyFill="1" applyBorder="1" applyAlignment="1">
      <alignment vertical="center"/>
    </xf>
    <xf numFmtId="0" fontId="26" fillId="0" borderId="12" xfId="8" applyFont="1" applyFill="1" applyBorder="1" applyAlignment="1">
      <alignment vertical="center"/>
    </xf>
    <xf numFmtId="0" fontId="26" fillId="0" borderId="11" xfId="8" applyFont="1" applyFill="1" applyBorder="1" applyAlignment="1">
      <alignment vertical="center" wrapText="1"/>
    </xf>
    <xf numFmtId="0" fontId="26" fillId="0" borderId="10" xfId="8" applyFont="1" applyFill="1" applyBorder="1" applyAlignment="1">
      <alignment vertical="center" wrapText="1"/>
    </xf>
    <xf numFmtId="0" fontId="26" fillId="0" borderId="12" xfId="8" applyFont="1" applyFill="1" applyBorder="1" applyAlignment="1">
      <alignment vertical="center" wrapText="1"/>
    </xf>
    <xf numFmtId="0" fontId="16" fillId="0" borderId="10" xfId="8" applyFont="1" applyFill="1" applyBorder="1" applyAlignment="1">
      <alignment horizontal="center" vertical="center" wrapText="1"/>
    </xf>
    <xf numFmtId="0" fontId="16" fillId="0" borderId="12" xfId="8" applyFont="1" applyFill="1" applyBorder="1" applyAlignment="1">
      <alignment horizontal="center" vertical="center" wrapText="1"/>
    </xf>
    <xf numFmtId="0" fontId="16" fillId="0" borderId="9" xfId="8" applyFont="1" applyBorder="1" applyAlignment="1">
      <alignment horizontal="left" vertical="center"/>
    </xf>
    <xf numFmtId="0" fontId="16" fillId="0" borderId="14" xfId="8" applyFont="1" applyBorder="1" applyAlignment="1">
      <alignment horizontal="center" vertical="center" wrapText="1"/>
    </xf>
    <xf numFmtId="0" fontId="16" fillId="0" borderId="15" xfId="8" applyFont="1" applyBorder="1" applyAlignment="1">
      <alignment horizontal="center" vertical="center" wrapText="1"/>
    </xf>
    <xf numFmtId="0" fontId="16" fillId="0" borderId="0" xfId="8" applyFont="1" applyAlignment="1">
      <alignment horizontal="center" vertical="center"/>
    </xf>
    <xf numFmtId="0" fontId="16" fillId="0" borderId="1" xfId="8" applyFont="1" applyBorder="1" applyAlignment="1">
      <alignment horizontal="center" vertical="center"/>
    </xf>
    <xf numFmtId="0" fontId="16" fillId="0" borderId="2" xfId="8" applyFont="1" applyBorder="1" applyAlignment="1">
      <alignment horizontal="center" vertical="center"/>
    </xf>
    <xf numFmtId="0" fontId="16" fillId="0" borderId="3" xfId="8" applyFont="1" applyBorder="1" applyAlignment="1">
      <alignment horizontal="center" vertical="center"/>
    </xf>
    <xf numFmtId="0" fontId="16" fillId="0" borderId="6" xfId="8" applyFont="1" applyBorder="1" applyAlignment="1">
      <alignment horizontal="center" vertical="center"/>
    </xf>
    <xf numFmtId="0" fontId="16" fillId="0" borderId="7" xfId="8" applyFont="1" applyBorder="1" applyAlignment="1">
      <alignment horizontal="center" vertical="center"/>
    </xf>
    <xf numFmtId="0" fontId="16" fillId="0" borderId="8" xfId="8" applyFont="1" applyBorder="1" applyAlignment="1">
      <alignment horizontal="center" vertical="center"/>
    </xf>
    <xf numFmtId="0" fontId="16" fillId="0" borderId="14" xfId="8" applyFont="1" applyBorder="1" applyAlignment="1">
      <alignment horizontal="center" vertical="center"/>
    </xf>
    <xf numFmtId="0" fontId="16" fillId="0" borderId="15" xfId="8" applyFont="1" applyBorder="1" applyAlignment="1">
      <alignment horizontal="center" vertical="center"/>
    </xf>
    <xf numFmtId="0" fontId="16" fillId="0" borderId="9" xfId="8" applyFont="1" applyBorder="1" applyAlignment="1">
      <alignment horizontal="center" vertical="center"/>
    </xf>
    <xf numFmtId="0" fontId="52" fillId="0" borderId="0" xfId="71" applyFont="1" applyFill="1" applyBorder="1" applyAlignment="1">
      <alignment vertical="top" wrapText="1"/>
    </xf>
    <xf numFmtId="0" fontId="52" fillId="0" borderId="0" xfId="71" applyFont="1" applyFill="1" applyBorder="1" applyAlignment="1">
      <alignment horizontal="left" vertical="top" wrapText="1"/>
    </xf>
    <xf numFmtId="0" fontId="61" fillId="0" borderId="0" xfId="71" applyFont="1" applyAlignment="1">
      <alignment horizontal="left" vertical="top" wrapText="1"/>
    </xf>
    <xf numFmtId="0" fontId="61" fillId="0" borderId="0" xfId="71" applyFont="1" applyAlignment="1">
      <alignment horizontal="left" vertical="top"/>
    </xf>
  </cellXfs>
  <cellStyles count="75">
    <cellStyle name="20% - アクセント 1 2" xfId="29"/>
    <cellStyle name="20% - アクセント 2 2" xfId="30"/>
    <cellStyle name="20% - アクセント 3 2" xfId="31"/>
    <cellStyle name="20% - アクセント 4 2" xfId="32"/>
    <cellStyle name="20% - アクセント 5 2" xfId="33"/>
    <cellStyle name="20% - アクセント 6 2" xfId="34"/>
    <cellStyle name="40% - アクセント 1 2" xfId="35"/>
    <cellStyle name="40% - アクセント 2 2" xfId="36"/>
    <cellStyle name="40% - アクセント 3 2" xfId="37"/>
    <cellStyle name="40% - アクセント 4 2" xfId="38"/>
    <cellStyle name="40% - アクセント 5 2" xfId="39"/>
    <cellStyle name="40% - アクセント 6 2" xfId="40"/>
    <cellStyle name="60% - アクセント 1 2" xfId="41"/>
    <cellStyle name="60% - アクセント 2 2" xfId="42"/>
    <cellStyle name="60% - アクセント 3 2" xfId="43"/>
    <cellStyle name="60% - アクセント 4 2" xfId="44"/>
    <cellStyle name="60% - アクセント 5 2" xfId="45"/>
    <cellStyle name="60% - アクセント 6 2" xfId="46"/>
    <cellStyle name="アクセント 1 2" xfId="47"/>
    <cellStyle name="アクセント 2 2" xfId="48"/>
    <cellStyle name="アクセント 3 2" xfId="49"/>
    <cellStyle name="アクセント 4 2" xfId="50"/>
    <cellStyle name="アクセント 5 2" xfId="51"/>
    <cellStyle name="アクセント 6 2" xfId="52"/>
    <cellStyle name="タイトル 2" xfId="53"/>
    <cellStyle name="チェック セル 2" xfId="54"/>
    <cellStyle name="どちらでもない 2" xfId="55"/>
    <cellStyle name="パーセント" xfId="74" builtinId="5"/>
    <cellStyle name="メモ 2" xfId="9"/>
    <cellStyle name="リンク セル 2" xfId="56"/>
    <cellStyle name="悪い 2" xfId="57"/>
    <cellStyle name="計算 2" xfId="58"/>
    <cellStyle name="警告文 2" xfId="59"/>
    <cellStyle name="桁区切り" xfId="7" builtinId="6"/>
    <cellStyle name="桁区切り 2" xfId="10"/>
    <cellStyle name="桁区切り 2 2" xfId="11"/>
    <cellStyle name="桁区切り 3" xfId="12"/>
    <cellStyle name="桁区切り 4" xfId="13"/>
    <cellStyle name="桁区切り 5" xfId="20"/>
    <cellStyle name="桁区切り 6" xfId="24"/>
    <cellStyle name="桁区切り 6 2" xfId="26"/>
    <cellStyle name="桁区切り 6 2 2" xfId="72"/>
    <cellStyle name="見出し 1 2" xfId="60"/>
    <cellStyle name="見出し 2 2" xfId="61"/>
    <cellStyle name="見出し 3 2" xfId="62"/>
    <cellStyle name="見出し 4 2" xfId="63"/>
    <cellStyle name="集計 2" xfId="64"/>
    <cellStyle name="出力 2" xfId="65"/>
    <cellStyle name="説明文 2" xfId="66"/>
    <cellStyle name="入力 2" xfId="67"/>
    <cellStyle name="標準" xfId="0" builtinId="0"/>
    <cellStyle name="標準 10" xfId="19"/>
    <cellStyle name="標準 11" xfId="21"/>
    <cellStyle name="標準 11 2" xfId="27"/>
    <cellStyle name="標準 12" xfId="22"/>
    <cellStyle name="標準 12 2" xfId="28"/>
    <cellStyle name="標準 12 2 2" xfId="73"/>
    <cellStyle name="標準 13" xfId="23"/>
    <cellStyle name="標準 13 2" xfId="25"/>
    <cellStyle name="標準 13 2 2" xfId="71"/>
    <cellStyle name="標準 2" xfId="1"/>
    <cellStyle name="標準 2 2" xfId="8"/>
    <cellStyle name="標準 2 3" xfId="68"/>
    <cellStyle name="標準 3" xfId="2"/>
    <cellStyle name="標準 4" xfId="3"/>
    <cellStyle name="標準 4 2" xfId="4"/>
    <cellStyle name="標準 4 3" xfId="70"/>
    <cellStyle name="標準 5" xfId="14"/>
    <cellStyle name="標準 5 2" xfId="5"/>
    <cellStyle name="標準 6" xfId="15"/>
    <cellStyle name="標準 6 2" xfId="6"/>
    <cellStyle name="標準 7" xfId="16"/>
    <cellStyle name="標準 8" xfId="17"/>
    <cellStyle name="標準 9" xfId="18"/>
    <cellStyle name="良い 2" xfId="6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worksheet" Target="worksheets/sheet63.xml"/><Relationship Id="rId68" Type="http://schemas.openxmlformats.org/officeDocument/2006/relationships/worksheet" Target="worksheets/sheet68.xml"/><Relationship Id="rId76" Type="http://schemas.openxmlformats.org/officeDocument/2006/relationships/worksheet" Target="worksheets/sheet76.xml"/><Relationship Id="rId84" Type="http://schemas.openxmlformats.org/officeDocument/2006/relationships/externalLink" Target="externalLinks/externalLink3.xml"/><Relationship Id="rId89" Type="http://schemas.openxmlformats.org/officeDocument/2006/relationships/styles" Target="styles.xml"/><Relationship Id="rId7" Type="http://schemas.openxmlformats.org/officeDocument/2006/relationships/worksheet" Target="worksheets/sheet7.xml"/><Relationship Id="rId71" Type="http://schemas.openxmlformats.org/officeDocument/2006/relationships/worksheet" Target="worksheets/sheet71.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worksheet" Target="worksheets/sheet74.xml"/><Relationship Id="rId79" Type="http://schemas.openxmlformats.org/officeDocument/2006/relationships/worksheet" Target="worksheets/sheet79.xml"/><Relationship Id="rId87" Type="http://schemas.openxmlformats.org/officeDocument/2006/relationships/externalLink" Target="externalLinks/externalLink6.xml"/><Relationship Id="rId5" Type="http://schemas.openxmlformats.org/officeDocument/2006/relationships/worksheet" Target="worksheets/sheet5.xml"/><Relationship Id="rId61" Type="http://schemas.openxmlformats.org/officeDocument/2006/relationships/worksheet" Target="worksheets/sheet61.xml"/><Relationship Id="rId82" Type="http://schemas.openxmlformats.org/officeDocument/2006/relationships/externalLink" Target="externalLinks/externalLink1.xml"/><Relationship Id="rId90" Type="http://schemas.openxmlformats.org/officeDocument/2006/relationships/sharedStrings" Target="sharedStrings.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worksheet" Target="worksheets/sheet80.xml"/><Relationship Id="rId85" Type="http://schemas.openxmlformats.org/officeDocument/2006/relationships/externalLink" Target="externalLinks/externalLink4.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externalLink" Target="externalLinks/externalLink2.xml"/><Relationship Id="rId88" Type="http://schemas.openxmlformats.org/officeDocument/2006/relationships/theme" Target="theme/theme1.xml"/><Relationship Id="rId91"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3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i5526552\Desktop\&#26032;&#12375;&#12356;&#12501;&#12457;&#12523;&#12480;&#12540;\&#26032;&#20844;&#20250;&#35336;&#12288;&#24115;&#31080;&#12510;&#12463;&#12525;\&#36001;&#21209;&#35576;&#34920;\IP537300&#36001;&#21209;&#35576;&#34920;&#31561;&#20316;&#25104;&#12510;&#12463;&#12525;.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3C\OA-va0004$\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B7">
            <v>1</v>
          </cell>
          <cell r="C7">
            <v>0</v>
          </cell>
          <cell r="D7">
            <v>1</v>
          </cell>
          <cell r="E7">
            <v>0</v>
          </cell>
          <cell r="F7">
            <v>0</v>
          </cell>
          <cell r="G7">
            <v>0</v>
          </cell>
          <cell r="H7">
            <v>0</v>
          </cell>
          <cell r="I7">
            <v>0</v>
          </cell>
          <cell r="J7">
            <v>0</v>
          </cell>
          <cell r="K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B8">
            <v>1</v>
          </cell>
          <cell r="C8">
            <v>10</v>
          </cell>
          <cell r="D8">
            <v>1</v>
          </cell>
          <cell r="E8">
            <v>10</v>
          </cell>
          <cell r="F8">
            <v>0</v>
          </cell>
          <cell r="G8">
            <v>0</v>
          </cell>
          <cell r="H8">
            <v>0</v>
          </cell>
          <cell r="I8">
            <v>0</v>
          </cell>
          <cell r="J8">
            <v>0</v>
          </cell>
          <cell r="K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B9">
            <v>1</v>
          </cell>
          <cell r="C9">
            <v>10</v>
          </cell>
          <cell r="D9">
            <v>1</v>
          </cell>
          <cell r="E9">
            <v>10</v>
          </cell>
          <cell r="F9">
            <v>10</v>
          </cell>
          <cell r="G9">
            <v>0</v>
          </cell>
          <cell r="H9">
            <v>0</v>
          </cell>
          <cell r="I9">
            <v>0</v>
          </cell>
          <cell r="J9">
            <v>0</v>
          </cell>
          <cell r="K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B10">
            <v>1</v>
          </cell>
          <cell r="C10">
            <v>10</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B11">
            <v>1</v>
          </cell>
          <cell r="C11">
            <v>10</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B12">
            <v>1</v>
          </cell>
          <cell r="C12">
            <v>10</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B13">
            <v>1</v>
          </cell>
          <cell r="C13">
            <v>10</v>
          </cell>
          <cell r="D13">
            <v>1</v>
          </cell>
          <cell r="E13">
            <v>10</v>
          </cell>
          <cell r="F13">
            <v>40</v>
          </cell>
          <cell r="G13">
            <v>0</v>
          </cell>
          <cell r="H13">
            <v>0</v>
          </cell>
          <cell r="I13">
            <v>0</v>
          </cell>
          <cell r="J13">
            <v>0</v>
          </cell>
          <cell r="K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B14">
            <v>1</v>
          </cell>
          <cell r="C14">
            <v>10</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B15">
            <v>1</v>
          </cell>
          <cell r="C15">
            <v>10</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B16">
            <v>1</v>
          </cell>
          <cell r="C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B17">
            <v>1</v>
          </cell>
          <cell r="C17">
            <v>10</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B18">
            <v>1</v>
          </cell>
          <cell r="C18">
            <v>10</v>
          </cell>
          <cell r="D18">
            <v>1</v>
          </cell>
          <cell r="E18">
            <v>10</v>
          </cell>
          <cell r="F18">
            <v>70</v>
          </cell>
          <cell r="G18">
            <v>0</v>
          </cell>
          <cell r="H18">
            <v>0</v>
          </cell>
          <cell r="I18">
            <v>0</v>
          </cell>
          <cell r="J18">
            <v>0</v>
          </cell>
          <cell r="K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B19">
            <v>1</v>
          </cell>
          <cell r="C19">
            <v>10</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B20">
            <v>1</v>
          </cell>
          <cell r="C20">
            <v>10</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B21">
            <v>1</v>
          </cell>
          <cell r="C21">
            <v>10</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B22">
            <v>1</v>
          </cell>
          <cell r="C22">
            <v>10</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B23">
            <v>1</v>
          </cell>
          <cell r="C23">
            <v>10</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B24">
            <v>1</v>
          </cell>
          <cell r="C24">
            <v>20</v>
          </cell>
          <cell r="D24">
            <v>1</v>
          </cell>
          <cell r="E24">
            <v>20</v>
          </cell>
          <cell r="F24">
            <v>0</v>
          </cell>
          <cell r="G24">
            <v>0</v>
          </cell>
          <cell r="H24">
            <v>0</v>
          </cell>
          <cell r="I24">
            <v>0</v>
          </cell>
          <cell r="J24">
            <v>0</v>
          </cell>
          <cell r="K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B25">
            <v>1</v>
          </cell>
          <cell r="C25">
            <v>20</v>
          </cell>
          <cell r="D25">
            <v>1</v>
          </cell>
          <cell r="E25">
            <v>20</v>
          </cell>
          <cell r="F25">
            <v>10</v>
          </cell>
          <cell r="G25">
            <v>0</v>
          </cell>
          <cell r="H25">
            <v>0</v>
          </cell>
          <cell r="I25">
            <v>0</v>
          </cell>
          <cell r="J25">
            <v>0</v>
          </cell>
          <cell r="K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B26">
            <v>1</v>
          </cell>
          <cell r="C26">
            <v>20</v>
          </cell>
          <cell r="D26">
            <v>1</v>
          </cell>
          <cell r="E26">
            <v>20</v>
          </cell>
          <cell r="F26">
            <v>10</v>
          </cell>
          <cell r="G26">
            <v>10</v>
          </cell>
          <cell r="H26">
            <v>0</v>
          </cell>
          <cell r="I26">
            <v>0</v>
          </cell>
          <cell r="J26">
            <v>0</v>
          </cell>
          <cell r="K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B27">
            <v>1</v>
          </cell>
          <cell r="C27">
            <v>20</v>
          </cell>
          <cell r="D27">
            <v>1</v>
          </cell>
          <cell r="E27">
            <v>20</v>
          </cell>
          <cell r="F27">
            <v>10</v>
          </cell>
          <cell r="G27">
            <v>10</v>
          </cell>
          <cell r="H27">
            <v>10</v>
          </cell>
          <cell r="I27">
            <v>0</v>
          </cell>
          <cell r="J27">
            <v>0</v>
          </cell>
          <cell r="K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B28">
            <v>1</v>
          </cell>
          <cell r="C28">
            <v>20</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B29">
            <v>1</v>
          </cell>
          <cell r="C29">
            <v>20</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B30">
            <v>1</v>
          </cell>
          <cell r="C30">
            <v>20</v>
          </cell>
          <cell r="D30">
            <v>1</v>
          </cell>
          <cell r="E30">
            <v>20</v>
          </cell>
          <cell r="F30">
            <v>10</v>
          </cell>
          <cell r="G30">
            <v>10</v>
          </cell>
          <cell r="H30">
            <v>20</v>
          </cell>
          <cell r="I30">
            <v>0</v>
          </cell>
          <cell r="J30">
            <v>0</v>
          </cell>
          <cell r="K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B31">
            <v>1</v>
          </cell>
          <cell r="C31">
            <v>20</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B32">
            <v>1</v>
          </cell>
          <cell r="C32">
            <v>20</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B33">
            <v>1</v>
          </cell>
          <cell r="C33">
            <v>20</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B34">
            <v>1</v>
          </cell>
          <cell r="C34">
            <v>20</v>
          </cell>
          <cell r="D34">
            <v>1</v>
          </cell>
          <cell r="E34">
            <v>20</v>
          </cell>
          <cell r="F34">
            <v>10</v>
          </cell>
          <cell r="G34">
            <v>10</v>
          </cell>
          <cell r="H34">
            <v>40</v>
          </cell>
          <cell r="I34">
            <v>0</v>
          </cell>
          <cell r="J34">
            <v>0</v>
          </cell>
          <cell r="K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B35">
            <v>1</v>
          </cell>
          <cell r="C35">
            <v>20</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B36">
            <v>1</v>
          </cell>
          <cell r="C36">
            <v>2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B37">
            <v>1</v>
          </cell>
          <cell r="C37">
            <v>20</v>
          </cell>
          <cell r="D37">
            <v>1</v>
          </cell>
          <cell r="E37">
            <v>20</v>
          </cell>
          <cell r="F37">
            <v>10</v>
          </cell>
          <cell r="G37">
            <v>10</v>
          </cell>
          <cell r="H37">
            <v>50</v>
          </cell>
          <cell r="I37">
            <v>0</v>
          </cell>
          <cell r="J37">
            <v>0</v>
          </cell>
          <cell r="K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B38">
            <v>1</v>
          </cell>
          <cell r="C38">
            <v>20</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B39">
            <v>1</v>
          </cell>
          <cell r="C39">
            <v>20</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B40">
            <v>1</v>
          </cell>
          <cell r="C40">
            <v>20</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B41">
            <v>1</v>
          </cell>
          <cell r="C41">
            <v>20</v>
          </cell>
          <cell r="D41">
            <v>1</v>
          </cell>
          <cell r="E41">
            <v>20</v>
          </cell>
          <cell r="F41">
            <v>10</v>
          </cell>
          <cell r="G41">
            <v>20</v>
          </cell>
          <cell r="H41">
            <v>0</v>
          </cell>
          <cell r="I41">
            <v>0</v>
          </cell>
          <cell r="J41">
            <v>0</v>
          </cell>
          <cell r="K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B42">
            <v>1</v>
          </cell>
          <cell r="C42">
            <v>20</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B43">
            <v>1</v>
          </cell>
          <cell r="C43">
            <v>20</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B44">
            <v>1</v>
          </cell>
          <cell r="C44">
            <v>20</v>
          </cell>
          <cell r="D44">
            <v>1</v>
          </cell>
          <cell r="E44">
            <v>20</v>
          </cell>
          <cell r="F44">
            <v>20</v>
          </cell>
          <cell r="G44">
            <v>0</v>
          </cell>
          <cell r="H44">
            <v>0</v>
          </cell>
          <cell r="I44">
            <v>0</v>
          </cell>
          <cell r="J44">
            <v>0</v>
          </cell>
          <cell r="K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B45">
            <v>1</v>
          </cell>
          <cell r="C45">
            <v>20</v>
          </cell>
          <cell r="D45">
            <v>1</v>
          </cell>
          <cell r="E45">
            <v>20</v>
          </cell>
          <cell r="F45">
            <v>20</v>
          </cell>
          <cell r="G45">
            <v>10</v>
          </cell>
          <cell r="H45">
            <v>0</v>
          </cell>
          <cell r="I45">
            <v>0</v>
          </cell>
          <cell r="J45">
            <v>0</v>
          </cell>
          <cell r="K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B46">
            <v>1</v>
          </cell>
          <cell r="C46">
            <v>20</v>
          </cell>
          <cell r="D46">
            <v>1</v>
          </cell>
          <cell r="E46">
            <v>20</v>
          </cell>
          <cell r="F46">
            <v>20</v>
          </cell>
          <cell r="G46">
            <v>10</v>
          </cell>
          <cell r="H46">
            <v>10</v>
          </cell>
          <cell r="I46">
            <v>0</v>
          </cell>
          <cell r="J46">
            <v>0</v>
          </cell>
          <cell r="K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B47">
            <v>1</v>
          </cell>
          <cell r="C47">
            <v>20</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B48">
            <v>1</v>
          </cell>
          <cell r="C48">
            <v>20</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B49">
            <v>1</v>
          </cell>
          <cell r="C49">
            <v>20</v>
          </cell>
          <cell r="D49">
            <v>1</v>
          </cell>
          <cell r="E49">
            <v>20</v>
          </cell>
          <cell r="F49">
            <v>20</v>
          </cell>
          <cell r="G49">
            <v>10</v>
          </cell>
          <cell r="H49">
            <v>20</v>
          </cell>
          <cell r="I49">
            <v>0</v>
          </cell>
          <cell r="J49">
            <v>0</v>
          </cell>
          <cell r="K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B50">
            <v>1</v>
          </cell>
          <cell r="C50">
            <v>20</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B51">
            <v>1</v>
          </cell>
          <cell r="C51">
            <v>20</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B52">
            <v>1</v>
          </cell>
          <cell r="C52">
            <v>20</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B53">
            <v>1</v>
          </cell>
          <cell r="C53">
            <v>20</v>
          </cell>
          <cell r="D53">
            <v>1</v>
          </cell>
          <cell r="E53">
            <v>20</v>
          </cell>
          <cell r="F53">
            <v>20</v>
          </cell>
          <cell r="G53">
            <v>10</v>
          </cell>
          <cell r="H53">
            <v>40</v>
          </cell>
          <cell r="I53">
            <v>0</v>
          </cell>
          <cell r="J53">
            <v>0</v>
          </cell>
          <cell r="K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B54">
            <v>1</v>
          </cell>
          <cell r="C54">
            <v>20</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B55">
            <v>1</v>
          </cell>
          <cell r="C55">
            <v>20</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B56">
            <v>1</v>
          </cell>
          <cell r="C56">
            <v>20</v>
          </cell>
          <cell r="D56">
            <v>1</v>
          </cell>
          <cell r="E56">
            <v>20</v>
          </cell>
          <cell r="F56">
            <v>20</v>
          </cell>
          <cell r="G56">
            <v>10</v>
          </cell>
          <cell r="H56">
            <v>50</v>
          </cell>
          <cell r="I56">
            <v>0</v>
          </cell>
          <cell r="J56">
            <v>0</v>
          </cell>
          <cell r="K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B57">
            <v>1</v>
          </cell>
          <cell r="C57">
            <v>20</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B58">
            <v>1</v>
          </cell>
          <cell r="C58">
            <v>20</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B59">
            <v>1</v>
          </cell>
          <cell r="C59">
            <v>20</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B60">
            <v>1</v>
          </cell>
          <cell r="C60">
            <v>20</v>
          </cell>
          <cell r="D60">
            <v>1</v>
          </cell>
          <cell r="E60">
            <v>20</v>
          </cell>
          <cell r="F60">
            <v>20</v>
          </cell>
          <cell r="G60">
            <v>20</v>
          </cell>
          <cell r="H60">
            <v>0</v>
          </cell>
          <cell r="I60">
            <v>0</v>
          </cell>
          <cell r="J60">
            <v>0</v>
          </cell>
          <cell r="K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B61">
            <v>1</v>
          </cell>
          <cell r="C61">
            <v>20</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B62">
            <v>1</v>
          </cell>
          <cell r="C62">
            <v>20</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B63">
            <v>1</v>
          </cell>
          <cell r="C63">
            <v>20</v>
          </cell>
          <cell r="D63">
            <v>1</v>
          </cell>
          <cell r="E63">
            <v>20</v>
          </cell>
          <cell r="F63">
            <v>30</v>
          </cell>
          <cell r="G63">
            <v>0</v>
          </cell>
          <cell r="H63">
            <v>0</v>
          </cell>
          <cell r="I63">
            <v>0</v>
          </cell>
          <cell r="J63">
            <v>0</v>
          </cell>
          <cell r="K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B64">
            <v>1</v>
          </cell>
          <cell r="C64">
            <v>20</v>
          </cell>
          <cell r="D64">
            <v>1</v>
          </cell>
          <cell r="E64">
            <v>20</v>
          </cell>
          <cell r="F64">
            <v>30</v>
          </cell>
          <cell r="G64">
            <v>10</v>
          </cell>
          <cell r="H64">
            <v>0</v>
          </cell>
          <cell r="I64">
            <v>0</v>
          </cell>
          <cell r="J64">
            <v>0</v>
          </cell>
          <cell r="K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B65">
            <v>1</v>
          </cell>
          <cell r="C65">
            <v>20</v>
          </cell>
          <cell r="D65">
            <v>1</v>
          </cell>
          <cell r="E65">
            <v>20</v>
          </cell>
          <cell r="F65">
            <v>30</v>
          </cell>
          <cell r="G65">
            <v>10</v>
          </cell>
          <cell r="H65">
            <v>10</v>
          </cell>
          <cell r="I65">
            <v>0</v>
          </cell>
          <cell r="J65">
            <v>0</v>
          </cell>
          <cell r="K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B66">
            <v>1</v>
          </cell>
          <cell r="C66">
            <v>2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B67">
            <v>1</v>
          </cell>
          <cell r="C67">
            <v>20</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B68">
            <v>1</v>
          </cell>
          <cell r="C68">
            <v>20</v>
          </cell>
          <cell r="D68">
            <v>1</v>
          </cell>
          <cell r="E68">
            <v>20</v>
          </cell>
          <cell r="F68">
            <v>40</v>
          </cell>
          <cell r="G68">
            <v>0</v>
          </cell>
          <cell r="H68">
            <v>0</v>
          </cell>
          <cell r="I68">
            <v>0</v>
          </cell>
          <cell r="J68">
            <v>0</v>
          </cell>
          <cell r="K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B69">
            <v>1</v>
          </cell>
          <cell r="C69">
            <v>20</v>
          </cell>
          <cell r="D69">
            <v>1</v>
          </cell>
          <cell r="E69">
            <v>20</v>
          </cell>
          <cell r="F69">
            <v>40</v>
          </cell>
          <cell r="G69">
            <v>10</v>
          </cell>
          <cell r="H69">
            <v>0</v>
          </cell>
          <cell r="I69">
            <v>0</v>
          </cell>
          <cell r="J69">
            <v>0</v>
          </cell>
          <cell r="K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B70">
            <v>1</v>
          </cell>
          <cell r="C70">
            <v>20</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B71">
            <v>1</v>
          </cell>
          <cell r="C71">
            <v>20</v>
          </cell>
          <cell r="D71">
            <v>1</v>
          </cell>
          <cell r="E71">
            <v>20</v>
          </cell>
          <cell r="F71">
            <v>40</v>
          </cell>
          <cell r="G71">
            <v>10</v>
          </cell>
          <cell r="H71">
            <v>20</v>
          </cell>
          <cell r="I71">
            <v>0</v>
          </cell>
          <cell r="J71">
            <v>0</v>
          </cell>
          <cell r="K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B72">
            <v>1</v>
          </cell>
          <cell r="C72">
            <v>20</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B73">
            <v>1</v>
          </cell>
          <cell r="C73">
            <v>20</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B74">
            <v>1</v>
          </cell>
          <cell r="C74">
            <v>20</v>
          </cell>
          <cell r="D74">
            <v>1</v>
          </cell>
          <cell r="E74">
            <v>20</v>
          </cell>
          <cell r="F74">
            <v>40</v>
          </cell>
          <cell r="G74">
            <v>20</v>
          </cell>
          <cell r="H74">
            <v>0</v>
          </cell>
          <cell r="I74">
            <v>0</v>
          </cell>
          <cell r="J74">
            <v>0</v>
          </cell>
          <cell r="K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B75">
            <v>1</v>
          </cell>
          <cell r="C75">
            <v>20</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B76">
            <v>1</v>
          </cell>
          <cell r="C76">
            <v>2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B77">
            <v>1</v>
          </cell>
          <cell r="C77">
            <v>20</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B78">
            <v>1</v>
          </cell>
          <cell r="C78">
            <v>20</v>
          </cell>
          <cell r="D78">
            <v>1</v>
          </cell>
          <cell r="E78">
            <v>20</v>
          </cell>
          <cell r="F78">
            <v>60</v>
          </cell>
          <cell r="G78">
            <v>0</v>
          </cell>
          <cell r="H78">
            <v>0</v>
          </cell>
          <cell r="I78">
            <v>0</v>
          </cell>
          <cell r="J78">
            <v>0</v>
          </cell>
          <cell r="K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B79">
            <v>1</v>
          </cell>
          <cell r="C79">
            <v>20</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B80">
            <v>1</v>
          </cell>
          <cell r="C80">
            <v>20</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B81">
            <v>1</v>
          </cell>
          <cell r="C81">
            <v>20</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B82">
            <v>1</v>
          </cell>
          <cell r="C82">
            <v>20</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B83">
            <v>1</v>
          </cell>
          <cell r="C83">
            <v>20</v>
          </cell>
          <cell r="D83">
            <v>1</v>
          </cell>
          <cell r="E83">
            <v>20</v>
          </cell>
          <cell r="F83">
            <v>60</v>
          </cell>
          <cell r="G83">
            <v>50</v>
          </cell>
          <cell r="H83">
            <v>0</v>
          </cell>
          <cell r="I83">
            <v>0</v>
          </cell>
          <cell r="J83">
            <v>0</v>
          </cell>
          <cell r="K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B84">
            <v>1</v>
          </cell>
          <cell r="C84">
            <v>20</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B85">
            <v>1</v>
          </cell>
          <cell r="C85">
            <v>20</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B86">
            <v>1</v>
          </cell>
          <cell r="C86">
            <v>2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B87">
            <v>1</v>
          </cell>
          <cell r="C87">
            <v>20</v>
          </cell>
          <cell r="D87">
            <v>1</v>
          </cell>
          <cell r="E87">
            <v>20</v>
          </cell>
          <cell r="F87">
            <v>60</v>
          </cell>
          <cell r="G87">
            <v>60</v>
          </cell>
          <cell r="H87">
            <v>0</v>
          </cell>
          <cell r="I87">
            <v>0</v>
          </cell>
          <cell r="J87">
            <v>0</v>
          </cell>
          <cell r="K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B88">
            <v>1</v>
          </cell>
          <cell r="C88">
            <v>20</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B89">
            <v>1</v>
          </cell>
          <cell r="C89">
            <v>20</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B90">
            <v>1</v>
          </cell>
          <cell r="C90">
            <v>20</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B91">
            <v>1</v>
          </cell>
          <cell r="C91">
            <v>20</v>
          </cell>
          <cell r="D91">
            <v>1</v>
          </cell>
          <cell r="E91">
            <v>20</v>
          </cell>
          <cell r="F91">
            <v>60</v>
          </cell>
          <cell r="G91">
            <v>70</v>
          </cell>
          <cell r="H91">
            <v>0</v>
          </cell>
          <cell r="I91">
            <v>0</v>
          </cell>
          <cell r="J91">
            <v>0</v>
          </cell>
          <cell r="K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B92">
            <v>1</v>
          </cell>
          <cell r="C92">
            <v>20</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B93">
            <v>1</v>
          </cell>
          <cell r="C93">
            <v>20</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B94">
            <v>1</v>
          </cell>
          <cell r="C94">
            <v>20</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B95">
            <v>2</v>
          </cell>
          <cell r="C95">
            <v>0</v>
          </cell>
          <cell r="D95">
            <v>2</v>
          </cell>
          <cell r="E95">
            <v>0</v>
          </cell>
          <cell r="F95">
            <v>0</v>
          </cell>
          <cell r="G95">
            <v>0</v>
          </cell>
          <cell r="H95">
            <v>0</v>
          </cell>
          <cell r="I95">
            <v>0</v>
          </cell>
          <cell r="J95">
            <v>0</v>
          </cell>
          <cell r="K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B96">
            <v>2</v>
          </cell>
          <cell r="C96">
            <v>10</v>
          </cell>
          <cell r="D96">
            <v>2</v>
          </cell>
          <cell r="E96">
            <v>10</v>
          </cell>
          <cell r="F96">
            <v>0</v>
          </cell>
          <cell r="G96">
            <v>0</v>
          </cell>
          <cell r="H96">
            <v>0</v>
          </cell>
          <cell r="I96">
            <v>0</v>
          </cell>
          <cell r="J96">
            <v>0</v>
          </cell>
          <cell r="K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B97">
            <v>2</v>
          </cell>
          <cell r="C97">
            <v>10</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B98">
            <v>2</v>
          </cell>
          <cell r="C98">
            <v>10</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B99">
            <v>2</v>
          </cell>
          <cell r="C99">
            <v>10</v>
          </cell>
          <cell r="D99">
            <v>2</v>
          </cell>
          <cell r="E99">
            <v>10</v>
          </cell>
          <cell r="F99">
            <v>30</v>
          </cell>
          <cell r="G99">
            <v>0</v>
          </cell>
          <cell r="H99">
            <v>0</v>
          </cell>
          <cell r="I99">
            <v>0</v>
          </cell>
          <cell r="J99">
            <v>0</v>
          </cell>
          <cell r="K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B100">
            <v>2</v>
          </cell>
          <cell r="C100">
            <v>10</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B101">
            <v>2</v>
          </cell>
          <cell r="C101">
            <v>10</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B102">
            <v>2</v>
          </cell>
          <cell r="C102">
            <v>10</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B103">
            <v>2</v>
          </cell>
          <cell r="C103">
            <v>10</v>
          </cell>
          <cell r="D103">
            <v>2</v>
          </cell>
          <cell r="E103">
            <v>10</v>
          </cell>
          <cell r="F103">
            <v>40</v>
          </cell>
          <cell r="G103">
            <v>0</v>
          </cell>
          <cell r="H103">
            <v>0</v>
          </cell>
          <cell r="I103">
            <v>0</v>
          </cell>
          <cell r="J103">
            <v>0</v>
          </cell>
          <cell r="K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B104">
            <v>2</v>
          </cell>
          <cell r="C104">
            <v>10</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B105">
            <v>2</v>
          </cell>
          <cell r="C105">
            <v>10</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B106">
            <v>2</v>
          </cell>
          <cell r="C106">
            <v>1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B107">
            <v>2</v>
          </cell>
          <cell r="C107">
            <v>10</v>
          </cell>
          <cell r="D107">
            <v>2</v>
          </cell>
          <cell r="E107">
            <v>10</v>
          </cell>
          <cell r="F107">
            <v>50</v>
          </cell>
          <cell r="G107">
            <v>0</v>
          </cell>
          <cell r="H107">
            <v>0</v>
          </cell>
          <cell r="I107">
            <v>0</v>
          </cell>
          <cell r="J107">
            <v>0</v>
          </cell>
          <cell r="K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B108">
            <v>2</v>
          </cell>
          <cell r="C108">
            <v>10</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B109">
            <v>2</v>
          </cell>
          <cell r="C109">
            <v>10</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B110">
            <v>2</v>
          </cell>
          <cell r="C110">
            <v>10</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B111">
            <v>2</v>
          </cell>
          <cell r="C111">
            <v>10</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B112">
            <v>2</v>
          </cell>
          <cell r="C112">
            <v>20</v>
          </cell>
          <cell r="D112">
            <v>2</v>
          </cell>
          <cell r="E112">
            <v>20</v>
          </cell>
          <cell r="F112">
            <v>0</v>
          </cell>
          <cell r="G112">
            <v>0</v>
          </cell>
          <cell r="H112">
            <v>0</v>
          </cell>
          <cell r="I112">
            <v>0</v>
          </cell>
          <cell r="J112">
            <v>0</v>
          </cell>
          <cell r="K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B113">
            <v>2</v>
          </cell>
          <cell r="C113">
            <v>20</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B114">
            <v>2</v>
          </cell>
          <cell r="C114">
            <v>20</v>
          </cell>
          <cell r="D114">
            <v>2</v>
          </cell>
          <cell r="E114">
            <v>20</v>
          </cell>
          <cell r="F114">
            <v>20</v>
          </cell>
          <cell r="G114">
            <v>0</v>
          </cell>
          <cell r="H114">
            <v>0</v>
          </cell>
          <cell r="I114">
            <v>0</v>
          </cell>
          <cell r="J114">
            <v>0</v>
          </cell>
          <cell r="K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B115">
            <v>2</v>
          </cell>
          <cell r="C115">
            <v>20</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B116">
            <v>2</v>
          </cell>
          <cell r="C116">
            <v>2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B117">
            <v>2</v>
          </cell>
          <cell r="C117">
            <v>20</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B118">
            <v>2</v>
          </cell>
          <cell r="C118">
            <v>20</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B119">
            <v>2</v>
          </cell>
          <cell r="C119">
            <v>20</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B120">
            <v>2</v>
          </cell>
          <cell r="C120">
            <v>20</v>
          </cell>
          <cell r="D120">
            <v>2</v>
          </cell>
          <cell r="E120">
            <v>20</v>
          </cell>
          <cell r="F120">
            <v>50</v>
          </cell>
          <cell r="G120">
            <v>0</v>
          </cell>
          <cell r="H120">
            <v>0</v>
          </cell>
          <cell r="I120">
            <v>0</v>
          </cell>
          <cell r="J120">
            <v>0</v>
          </cell>
          <cell r="K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B121">
            <v>2</v>
          </cell>
          <cell r="C121">
            <v>20</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B122">
            <v>2</v>
          </cell>
          <cell r="C122">
            <v>20</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B123">
            <v>3</v>
          </cell>
          <cell r="C123">
            <v>0</v>
          </cell>
          <cell r="D123">
            <v>3</v>
          </cell>
          <cell r="E123">
            <v>0</v>
          </cell>
          <cell r="F123">
            <v>0</v>
          </cell>
          <cell r="G123">
            <v>0</v>
          </cell>
          <cell r="H123">
            <v>0</v>
          </cell>
          <cell r="I123">
            <v>0</v>
          </cell>
          <cell r="J123">
            <v>0</v>
          </cell>
          <cell r="K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B124">
            <v>3</v>
          </cell>
          <cell r="C124">
            <v>10</v>
          </cell>
          <cell r="D124">
            <v>3</v>
          </cell>
          <cell r="E124">
            <v>10</v>
          </cell>
          <cell r="F124">
            <v>0</v>
          </cell>
          <cell r="G124">
            <v>0</v>
          </cell>
          <cell r="H124">
            <v>0</v>
          </cell>
          <cell r="I124">
            <v>0</v>
          </cell>
          <cell r="J124">
            <v>0</v>
          </cell>
          <cell r="K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B125">
            <v>3</v>
          </cell>
          <cell r="C125">
            <v>10</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B126">
            <v>3</v>
          </cell>
          <cell r="C126">
            <v>1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B127">
            <v>3</v>
          </cell>
          <cell r="C127">
            <v>10</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B128">
            <v>3</v>
          </cell>
          <cell r="C128">
            <v>10</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B129">
            <v>3</v>
          </cell>
          <cell r="C129">
            <v>10</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B130">
            <v>3</v>
          </cell>
          <cell r="C130">
            <v>10</v>
          </cell>
          <cell r="D130">
            <v>3</v>
          </cell>
          <cell r="E130">
            <v>10</v>
          </cell>
          <cell r="F130">
            <v>60</v>
          </cell>
          <cell r="G130">
            <v>0</v>
          </cell>
          <cell r="H130">
            <v>0</v>
          </cell>
          <cell r="I130">
            <v>0</v>
          </cell>
          <cell r="J130">
            <v>0</v>
          </cell>
          <cell r="K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B131">
            <v>3</v>
          </cell>
          <cell r="C131">
            <v>10</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B132">
            <v>3</v>
          </cell>
          <cell r="C132">
            <v>10</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B133">
            <v>3</v>
          </cell>
          <cell r="C133">
            <v>10</v>
          </cell>
          <cell r="D133">
            <v>3</v>
          </cell>
          <cell r="E133">
            <v>10</v>
          </cell>
          <cell r="F133">
            <v>60</v>
          </cell>
          <cell r="G133">
            <v>30</v>
          </cell>
          <cell r="H133">
            <v>0</v>
          </cell>
          <cell r="I133">
            <v>0</v>
          </cell>
          <cell r="J133">
            <v>0</v>
          </cell>
          <cell r="K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B134">
            <v>3</v>
          </cell>
          <cell r="C134">
            <v>10</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B135">
            <v>3</v>
          </cell>
          <cell r="C135">
            <v>10</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B136">
            <v>3</v>
          </cell>
          <cell r="C136">
            <v>1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B137">
            <v>11</v>
          </cell>
          <cell r="C137">
            <v>0</v>
          </cell>
          <cell r="D137">
            <v>11</v>
          </cell>
          <cell r="E137">
            <v>0</v>
          </cell>
          <cell r="F137">
            <v>0</v>
          </cell>
          <cell r="G137">
            <v>0</v>
          </cell>
          <cell r="H137">
            <v>0</v>
          </cell>
          <cell r="I137">
            <v>0</v>
          </cell>
          <cell r="J137">
            <v>0</v>
          </cell>
          <cell r="K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B138">
            <v>11</v>
          </cell>
          <cell r="C138">
            <v>10</v>
          </cell>
          <cell r="D138">
            <v>11</v>
          </cell>
          <cell r="E138">
            <v>10</v>
          </cell>
          <cell r="F138">
            <v>0</v>
          </cell>
          <cell r="G138">
            <v>0</v>
          </cell>
          <cell r="H138">
            <v>0</v>
          </cell>
          <cell r="I138">
            <v>0</v>
          </cell>
          <cell r="J138">
            <v>0</v>
          </cell>
          <cell r="K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B139">
            <v>11</v>
          </cell>
          <cell r="C139">
            <v>10</v>
          </cell>
          <cell r="D139">
            <v>11</v>
          </cell>
          <cell r="E139">
            <v>10</v>
          </cell>
          <cell r="F139">
            <v>10</v>
          </cell>
          <cell r="G139">
            <v>0</v>
          </cell>
          <cell r="H139">
            <v>0</v>
          </cell>
          <cell r="I139">
            <v>0</v>
          </cell>
          <cell r="J139">
            <v>0</v>
          </cell>
          <cell r="K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B140">
            <v>11</v>
          </cell>
          <cell r="C140">
            <v>10</v>
          </cell>
          <cell r="D140">
            <v>11</v>
          </cell>
          <cell r="E140">
            <v>10</v>
          </cell>
          <cell r="F140">
            <v>10</v>
          </cell>
          <cell r="G140">
            <v>5</v>
          </cell>
          <cell r="H140">
            <v>0</v>
          </cell>
          <cell r="I140">
            <v>0</v>
          </cell>
          <cell r="J140">
            <v>0</v>
          </cell>
          <cell r="K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B141">
            <v>11</v>
          </cell>
          <cell r="C141">
            <v>10</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B142">
            <v>11</v>
          </cell>
          <cell r="C142">
            <v>10</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B143">
            <v>11</v>
          </cell>
          <cell r="C143">
            <v>10</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B144">
            <v>11</v>
          </cell>
          <cell r="C144">
            <v>10</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B145">
            <v>11</v>
          </cell>
          <cell r="C145">
            <v>10</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B146">
            <v>11</v>
          </cell>
          <cell r="C146">
            <v>1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B147">
            <v>11</v>
          </cell>
          <cell r="C147">
            <v>10</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B148">
            <v>11</v>
          </cell>
          <cell r="C148">
            <v>10</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B149">
            <v>11</v>
          </cell>
          <cell r="C149">
            <v>10</v>
          </cell>
          <cell r="D149">
            <v>11</v>
          </cell>
          <cell r="E149">
            <v>10</v>
          </cell>
          <cell r="F149">
            <v>10</v>
          </cell>
          <cell r="G149">
            <v>40</v>
          </cell>
          <cell r="H149">
            <v>0</v>
          </cell>
          <cell r="I149">
            <v>0</v>
          </cell>
          <cell r="J149">
            <v>0</v>
          </cell>
          <cell r="K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B150">
            <v>11</v>
          </cell>
          <cell r="C150">
            <v>10</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B151">
            <v>11</v>
          </cell>
          <cell r="C151">
            <v>10</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B152">
            <v>11</v>
          </cell>
          <cell r="C152">
            <v>10</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B153">
            <v>11</v>
          </cell>
          <cell r="C153">
            <v>10</v>
          </cell>
          <cell r="D153">
            <v>11</v>
          </cell>
          <cell r="E153">
            <v>10</v>
          </cell>
          <cell r="F153">
            <v>10</v>
          </cell>
          <cell r="G153">
            <v>45</v>
          </cell>
          <cell r="H153">
            <v>0</v>
          </cell>
          <cell r="I153">
            <v>0</v>
          </cell>
          <cell r="J153">
            <v>0</v>
          </cell>
          <cell r="K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B154">
            <v>11</v>
          </cell>
          <cell r="C154">
            <v>10</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B155">
            <v>11</v>
          </cell>
          <cell r="C155">
            <v>10</v>
          </cell>
          <cell r="D155">
            <v>11</v>
          </cell>
          <cell r="E155">
            <v>10</v>
          </cell>
          <cell r="F155">
            <v>10</v>
          </cell>
          <cell r="G155">
            <v>50</v>
          </cell>
          <cell r="H155">
            <v>0</v>
          </cell>
          <cell r="I155">
            <v>0</v>
          </cell>
          <cell r="J155">
            <v>0</v>
          </cell>
          <cell r="K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B156">
            <v>11</v>
          </cell>
          <cell r="C156">
            <v>1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B157">
            <v>11</v>
          </cell>
          <cell r="C157">
            <v>10</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B158">
            <v>11</v>
          </cell>
          <cell r="C158">
            <v>10</v>
          </cell>
          <cell r="D158">
            <v>11</v>
          </cell>
          <cell r="E158">
            <v>10</v>
          </cell>
          <cell r="F158">
            <v>10</v>
          </cell>
          <cell r="G158">
            <v>55</v>
          </cell>
          <cell r="H158">
            <v>0</v>
          </cell>
          <cell r="I158">
            <v>0</v>
          </cell>
          <cell r="J158">
            <v>0</v>
          </cell>
          <cell r="K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B159">
            <v>11</v>
          </cell>
          <cell r="C159">
            <v>10</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B160">
            <v>11</v>
          </cell>
          <cell r="C160">
            <v>10</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B161">
            <v>11</v>
          </cell>
          <cell r="C161">
            <v>10</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B162">
            <v>11</v>
          </cell>
          <cell r="C162">
            <v>10</v>
          </cell>
          <cell r="D162">
            <v>11</v>
          </cell>
          <cell r="E162">
            <v>10</v>
          </cell>
          <cell r="F162">
            <v>10</v>
          </cell>
          <cell r="G162">
            <v>65</v>
          </cell>
          <cell r="H162">
            <v>0</v>
          </cell>
          <cell r="I162">
            <v>0</v>
          </cell>
          <cell r="J162">
            <v>0</v>
          </cell>
          <cell r="K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B163">
            <v>11</v>
          </cell>
          <cell r="C163">
            <v>10</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B164">
            <v>11</v>
          </cell>
          <cell r="C164">
            <v>10</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B165">
            <v>11</v>
          </cell>
          <cell r="C165">
            <v>10</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B166">
            <v>11</v>
          </cell>
          <cell r="C166">
            <v>1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B167">
            <v>11</v>
          </cell>
          <cell r="C167">
            <v>10</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B168">
            <v>11</v>
          </cell>
          <cell r="C168">
            <v>10</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B169">
            <v>11</v>
          </cell>
          <cell r="C169">
            <v>10</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B170">
            <v>11</v>
          </cell>
          <cell r="C170">
            <v>10</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B171">
            <v>11</v>
          </cell>
          <cell r="C171">
            <v>10</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B172">
            <v>11</v>
          </cell>
          <cell r="C172">
            <v>10</v>
          </cell>
          <cell r="D172">
            <v>11</v>
          </cell>
          <cell r="E172">
            <v>10</v>
          </cell>
          <cell r="F172">
            <v>10</v>
          </cell>
          <cell r="G172">
            <v>75</v>
          </cell>
          <cell r="H172">
            <v>0</v>
          </cell>
          <cell r="I172">
            <v>0</v>
          </cell>
          <cell r="J172">
            <v>0</v>
          </cell>
          <cell r="K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B173">
            <v>11</v>
          </cell>
          <cell r="C173">
            <v>10</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B174">
            <v>11</v>
          </cell>
          <cell r="C174">
            <v>10</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B175">
            <v>11</v>
          </cell>
          <cell r="C175">
            <v>10</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B176">
            <v>11</v>
          </cell>
          <cell r="C176">
            <v>10</v>
          </cell>
          <cell r="D176">
            <v>11</v>
          </cell>
          <cell r="E176">
            <v>10</v>
          </cell>
          <cell r="F176">
            <v>20</v>
          </cell>
          <cell r="G176">
            <v>0</v>
          </cell>
          <cell r="H176">
            <v>0</v>
          </cell>
          <cell r="I176">
            <v>0</v>
          </cell>
          <cell r="J176">
            <v>0</v>
          </cell>
          <cell r="K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B177">
            <v>11</v>
          </cell>
          <cell r="C177">
            <v>10</v>
          </cell>
          <cell r="D177">
            <v>11</v>
          </cell>
          <cell r="E177">
            <v>10</v>
          </cell>
          <cell r="F177">
            <v>20</v>
          </cell>
          <cell r="G177">
            <v>5</v>
          </cell>
          <cell r="H177">
            <v>0</v>
          </cell>
          <cell r="I177">
            <v>0</v>
          </cell>
          <cell r="J177">
            <v>0</v>
          </cell>
          <cell r="K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B178">
            <v>11</v>
          </cell>
          <cell r="C178">
            <v>10</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B179">
            <v>11</v>
          </cell>
          <cell r="C179">
            <v>10</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B180">
            <v>11</v>
          </cell>
          <cell r="C180">
            <v>10</v>
          </cell>
          <cell r="D180">
            <v>11</v>
          </cell>
          <cell r="E180">
            <v>10</v>
          </cell>
          <cell r="F180">
            <v>20</v>
          </cell>
          <cell r="G180">
            <v>10</v>
          </cell>
          <cell r="H180">
            <v>0</v>
          </cell>
          <cell r="I180">
            <v>0</v>
          </cell>
          <cell r="J180">
            <v>0</v>
          </cell>
          <cell r="K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B181">
            <v>11</v>
          </cell>
          <cell r="C181">
            <v>10</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B182">
            <v>11</v>
          </cell>
          <cell r="C182">
            <v>10</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B183">
            <v>11</v>
          </cell>
          <cell r="C183">
            <v>10</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B184">
            <v>11</v>
          </cell>
          <cell r="C184">
            <v>10</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B185">
            <v>11</v>
          </cell>
          <cell r="C185">
            <v>10</v>
          </cell>
          <cell r="D185">
            <v>11</v>
          </cell>
          <cell r="E185">
            <v>10</v>
          </cell>
          <cell r="F185">
            <v>20</v>
          </cell>
          <cell r="G185">
            <v>15</v>
          </cell>
          <cell r="H185">
            <v>0</v>
          </cell>
          <cell r="I185">
            <v>0</v>
          </cell>
          <cell r="J185">
            <v>0</v>
          </cell>
          <cell r="K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B186">
            <v>11</v>
          </cell>
          <cell r="C186">
            <v>1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B187">
            <v>11</v>
          </cell>
          <cell r="C187">
            <v>10</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B188">
            <v>11</v>
          </cell>
          <cell r="C188">
            <v>10</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B189">
            <v>11</v>
          </cell>
          <cell r="C189">
            <v>10</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B190">
            <v>11</v>
          </cell>
          <cell r="C190">
            <v>10</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B191">
            <v>11</v>
          </cell>
          <cell r="C191">
            <v>10</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B192">
            <v>11</v>
          </cell>
          <cell r="C192">
            <v>10</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B193">
            <v>11</v>
          </cell>
          <cell r="C193">
            <v>10</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B194">
            <v>11</v>
          </cell>
          <cell r="C194">
            <v>10</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B195">
            <v>11</v>
          </cell>
          <cell r="C195">
            <v>10</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B196">
            <v>11</v>
          </cell>
          <cell r="C196">
            <v>1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B197">
            <v>11</v>
          </cell>
          <cell r="C197">
            <v>10</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B198">
            <v>11</v>
          </cell>
          <cell r="C198">
            <v>10</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B199">
            <v>11</v>
          </cell>
          <cell r="C199">
            <v>10</v>
          </cell>
          <cell r="D199">
            <v>11</v>
          </cell>
          <cell r="E199">
            <v>10</v>
          </cell>
          <cell r="F199">
            <v>20</v>
          </cell>
          <cell r="G199">
            <v>60</v>
          </cell>
          <cell r="H199">
            <v>0</v>
          </cell>
          <cell r="I199">
            <v>0</v>
          </cell>
          <cell r="J199">
            <v>0</v>
          </cell>
          <cell r="K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B200">
            <v>11</v>
          </cell>
          <cell r="C200">
            <v>10</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B201">
            <v>11</v>
          </cell>
          <cell r="C201">
            <v>10</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B202">
            <v>11</v>
          </cell>
          <cell r="C202">
            <v>10</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B203">
            <v>11</v>
          </cell>
          <cell r="C203">
            <v>10</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B204">
            <v>11</v>
          </cell>
          <cell r="C204">
            <v>10</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B205">
            <v>11</v>
          </cell>
          <cell r="C205">
            <v>10</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B206">
            <v>11</v>
          </cell>
          <cell r="C206">
            <v>1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B207">
            <v>11</v>
          </cell>
          <cell r="C207">
            <v>10</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B208">
            <v>11</v>
          </cell>
          <cell r="C208">
            <v>10</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B209">
            <v>11</v>
          </cell>
          <cell r="C209">
            <v>10</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B210">
            <v>11</v>
          </cell>
          <cell r="C210">
            <v>10</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B211">
            <v>11</v>
          </cell>
          <cell r="C211">
            <v>10</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B212">
            <v>11</v>
          </cell>
          <cell r="C212">
            <v>10</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B213">
            <v>11</v>
          </cell>
          <cell r="C213">
            <v>10</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B214">
            <v>11</v>
          </cell>
          <cell r="C214">
            <v>10</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B215">
            <v>11</v>
          </cell>
          <cell r="C215">
            <v>10</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B216">
            <v>11</v>
          </cell>
          <cell r="C216">
            <v>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B217">
            <v>11</v>
          </cell>
          <cell r="C217">
            <v>10</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B218">
            <v>11</v>
          </cell>
          <cell r="C218">
            <v>10</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B219">
            <v>11</v>
          </cell>
          <cell r="C219">
            <v>20</v>
          </cell>
          <cell r="D219">
            <v>11</v>
          </cell>
          <cell r="E219">
            <v>20</v>
          </cell>
          <cell r="F219">
            <v>0</v>
          </cell>
          <cell r="G219">
            <v>0</v>
          </cell>
          <cell r="H219">
            <v>0</v>
          </cell>
          <cell r="I219">
            <v>0</v>
          </cell>
          <cell r="J219">
            <v>0</v>
          </cell>
          <cell r="K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B220">
            <v>11</v>
          </cell>
          <cell r="C220">
            <v>20</v>
          </cell>
          <cell r="D220">
            <v>11</v>
          </cell>
          <cell r="E220">
            <v>20</v>
          </cell>
          <cell r="F220">
            <v>10</v>
          </cell>
          <cell r="G220">
            <v>0</v>
          </cell>
          <cell r="H220">
            <v>0</v>
          </cell>
          <cell r="I220">
            <v>0</v>
          </cell>
          <cell r="J220">
            <v>0</v>
          </cell>
          <cell r="K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B221">
            <v>11</v>
          </cell>
          <cell r="C221">
            <v>20</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B222">
            <v>11</v>
          </cell>
          <cell r="C222">
            <v>20</v>
          </cell>
          <cell r="D222">
            <v>11</v>
          </cell>
          <cell r="E222">
            <v>20</v>
          </cell>
          <cell r="F222">
            <v>20</v>
          </cell>
          <cell r="G222">
            <v>0</v>
          </cell>
          <cell r="H222">
            <v>0</v>
          </cell>
          <cell r="I222">
            <v>0</v>
          </cell>
          <cell r="J222">
            <v>0</v>
          </cell>
          <cell r="K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B223">
            <v>11</v>
          </cell>
          <cell r="C223">
            <v>20</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B224">
            <v>11</v>
          </cell>
          <cell r="C224">
            <v>20</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B225">
            <v>11</v>
          </cell>
          <cell r="C225">
            <v>20</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B226">
            <v>11</v>
          </cell>
          <cell r="C226">
            <v>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B227">
            <v>12</v>
          </cell>
          <cell r="C227">
            <v>0</v>
          </cell>
          <cell r="D227">
            <v>12</v>
          </cell>
          <cell r="E227">
            <v>0</v>
          </cell>
          <cell r="F227">
            <v>0</v>
          </cell>
          <cell r="G227">
            <v>0</v>
          </cell>
          <cell r="H227">
            <v>0</v>
          </cell>
          <cell r="I227">
            <v>0</v>
          </cell>
          <cell r="J227">
            <v>0</v>
          </cell>
          <cell r="K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B228">
            <v>12</v>
          </cell>
          <cell r="C228">
            <v>10</v>
          </cell>
          <cell r="D228">
            <v>12</v>
          </cell>
          <cell r="E228">
            <v>10</v>
          </cell>
          <cell r="F228">
            <v>0</v>
          </cell>
          <cell r="G228">
            <v>0</v>
          </cell>
          <cell r="H228">
            <v>0</v>
          </cell>
          <cell r="I228">
            <v>0</v>
          </cell>
          <cell r="J228">
            <v>0</v>
          </cell>
          <cell r="K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B229">
            <v>12</v>
          </cell>
          <cell r="C229">
            <v>10</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B230">
            <v>12</v>
          </cell>
          <cell r="C230">
            <v>10</v>
          </cell>
          <cell r="D230">
            <v>12</v>
          </cell>
          <cell r="E230">
            <v>10</v>
          </cell>
          <cell r="F230">
            <v>20</v>
          </cell>
          <cell r="G230">
            <v>0</v>
          </cell>
          <cell r="H230">
            <v>0</v>
          </cell>
          <cell r="I230">
            <v>0</v>
          </cell>
          <cell r="J230">
            <v>0</v>
          </cell>
          <cell r="K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B231">
            <v>12</v>
          </cell>
          <cell r="C231">
            <v>10</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B232">
            <v>12</v>
          </cell>
          <cell r="C232">
            <v>10</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B233">
            <v>12</v>
          </cell>
          <cell r="C233">
            <v>10</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B234">
            <v>12</v>
          </cell>
          <cell r="C234">
            <v>10</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B235">
            <v>12</v>
          </cell>
          <cell r="C235">
            <v>10</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B236">
            <v>12</v>
          </cell>
          <cell r="C236">
            <v>1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B237">
            <v>12</v>
          </cell>
          <cell r="C237">
            <v>10</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B238">
            <v>12</v>
          </cell>
          <cell r="C238">
            <v>20</v>
          </cell>
          <cell r="D238">
            <v>12</v>
          </cell>
          <cell r="E238">
            <v>20</v>
          </cell>
          <cell r="F238">
            <v>0</v>
          </cell>
          <cell r="G238">
            <v>0</v>
          </cell>
          <cell r="H238">
            <v>0</v>
          </cell>
          <cell r="I238">
            <v>0</v>
          </cell>
          <cell r="J238">
            <v>0</v>
          </cell>
          <cell r="K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B239">
            <v>12</v>
          </cell>
          <cell r="C239">
            <v>20</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B240">
            <v>12</v>
          </cell>
          <cell r="C240">
            <v>20</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B241">
            <v>12</v>
          </cell>
          <cell r="C241">
            <v>20</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B242">
            <v>12</v>
          </cell>
          <cell r="C242">
            <v>20</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B243">
            <v>12</v>
          </cell>
          <cell r="C243">
            <v>20</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B244">
            <v>12</v>
          </cell>
          <cell r="C244">
            <v>20</v>
          </cell>
          <cell r="D244">
            <v>12</v>
          </cell>
          <cell r="E244">
            <v>20</v>
          </cell>
          <cell r="F244">
            <v>60</v>
          </cell>
          <cell r="G244">
            <v>0</v>
          </cell>
          <cell r="H244">
            <v>0</v>
          </cell>
          <cell r="I244">
            <v>0</v>
          </cell>
          <cell r="J244">
            <v>0</v>
          </cell>
          <cell r="K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B245">
            <v>12</v>
          </cell>
          <cell r="C245">
            <v>20</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B246">
            <v>12</v>
          </cell>
          <cell r="C246">
            <v>2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B247">
            <v>12</v>
          </cell>
          <cell r="C247">
            <v>20</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B248">
            <v>12</v>
          </cell>
          <cell r="C248">
            <v>20</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B249">
            <v>13</v>
          </cell>
          <cell r="C249">
            <v>0</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B250">
            <v>14</v>
          </cell>
          <cell r="C250">
            <v>0</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B251">
            <v>15</v>
          </cell>
          <cell r="C251">
            <v>0</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B252">
            <v>16</v>
          </cell>
          <cell r="C252">
            <v>0</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B253">
            <v>21</v>
          </cell>
          <cell r="C253">
            <v>0</v>
          </cell>
          <cell r="D253">
            <v>21</v>
          </cell>
          <cell r="E253">
            <v>0</v>
          </cell>
          <cell r="F253">
            <v>0</v>
          </cell>
          <cell r="G253">
            <v>0</v>
          </cell>
          <cell r="H253">
            <v>0</v>
          </cell>
          <cell r="I253">
            <v>0</v>
          </cell>
          <cell r="J253">
            <v>0</v>
          </cell>
          <cell r="K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B254">
            <v>21</v>
          </cell>
          <cell r="C254">
            <v>10</v>
          </cell>
          <cell r="D254">
            <v>21</v>
          </cell>
          <cell r="E254">
            <v>10</v>
          </cell>
          <cell r="F254">
            <v>0</v>
          </cell>
          <cell r="G254">
            <v>0</v>
          </cell>
          <cell r="H254">
            <v>0</v>
          </cell>
          <cell r="I254">
            <v>0</v>
          </cell>
          <cell r="J254">
            <v>0</v>
          </cell>
          <cell r="K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B255">
            <v>21</v>
          </cell>
          <cell r="C255">
            <v>10</v>
          </cell>
          <cell r="D255">
            <v>21</v>
          </cell>
          <cell r="E255">
            <v>10</v>
          </cell>
          <cell r="F255">
            <v>10</v>
          </cell>
          <cell r="G255">
            <v>0</v>
          </cell>
          <cell r="H255">
            <v>0</v>
          </cell>
          <cell r="I255">
            <v>0</v>
          </cell>
          <cell r="J255">
            <v>0</v>
          </cell>
          <cell r="K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B256">
            <v>21</v>
          </cell>
          <cell r="C256">
            <v>1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B257">
            <v>21</v>
          </cell>
          <cell r="C257">
            <v>10</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B258">
            <v>21</v>
          </cell>
          <cell r="C258">
            <v>10</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B259">
            <v>21</v>
          </cell>
          <cell r="C259">
            <v>10</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B260">
            <v>21</v>
          </cell>
          <cell r="C260">
            <v>10</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B261">
            <v>21</v>
          </cell>
          <cell r="C261">
            <v>10</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B262">
            <v>21</v>
          </cell>
          <cell r="C262">
            <v>20</v>
          </cell>
          <cell r="D262">
            <v>21</v>
          </cell>
          <cell r="E262">
            <v>20</v>
          </cell>
          <cell r="F262">
            <v>0</v>
          </cell>
          <cell r="G262">
            <v>0</v>
          </cell>
          <cell r="H262">
            <v>0</v>
          </cell>
          <cell r="I262">
            <v>0</v>
          </cell>
          <cell r="J262">
            <v>0</v>
          </cell>
          <cell r="K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B263">
            <v>21</v>
          </cell>
          <cell r="C263">
            <v>20</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B264">
            <v>21</v>
          </cell>
          <cell r="C264">
            <v>20</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B265">
            <v>21</v>
          </cell>
          <cell r="C265">
            <v>30</v>
          </cell>
          <cell r="D265">
            <v>21</v>
          </cell>
          <cell r="E265">
            <v>30</v>
          </cell>
          <cell r="F265">
            <v>0</v>
          </cell>
          <cell r="G265">
            <v>0</v>
          </cell>
          <cell r="H265">
            <v>0</v>
          </cell>
          <cell r="I265">
            <v>0</v>
          </cell>
          <cell r="J265">
            <v>0</v>
          </cell>
          <cell r="K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B266">
            <v>21</v>
          </cell>
          <cell r="C266">
            <v>30</v>
          </cell>
          <cell r="D266">
            <v>21</v>
          </cell>
          <cell r="E266">
            <v>30</v>
          </cell>
          <cell r="F266">
            <v>10</v>
          </cell>
          <cell r="G266">
            <v>0</v>
          </cell>
          <cell r="H266">
            <v>0</v>
          </cell>
          <cell r="I266">
            <v>0</v>
          </cell>
          <cell r="J266">
            <v>0</v>
          </cell>
          <cell r="K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B267">
            <v>21</v>
          </cell>
          <cell r="C267">
            <v>30</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B268">
            <v>21</v>
          </cell>
          <cell r="C268">
            <v>30</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B269">
            <v>21</v>
          </cell>
          <cell r="C269">
            <v>30</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B270">
            <v>21</v>
          </cell>
          <cell r="C270">
            <v>30</v>
          </cell>
          <cell r="D270">
            <v>21</v>
          </cell>
          <cell r="E270">
            <v>30</v>
          </cell>
          <cell r="F270">
            <v>20</v>
          </cell>
          <cell r="G270">
            <v>0</v>
          </cell>
          <cell r="H270">
            <v>0</v>
          </cell>
          <cell r="I270">
            <v>0</v>
          </cell>
          <cell r="J270">
            <v>0</v>
          </cell>
          <cell r="K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B271">
            <v>21</v>
          </cell>
          <cell r="C271">
            <v>30</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B272">
            <v>21</v>
          </cell>
          <cell r="C272">
            <v>30</v>
          </cell>
          <cell r="D272">
            <v>21</v>
          </cell>
          <cell r="E272">
            <v>30</v>
          </cell>
          <cell r="F272">
            <v>30</v>
          </cell>
          <cell r="G272">
            <v>0</v>
          </cell>
          <cell r="H272">
            <v>0</v>
          </cell>
          <cell r="I272">
            <v>0</v>
          </cell>
          <cell r="J272">
            <v>0</v>
          </cell>
          <cell r="K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B273">
            <v>21</v>
          </cell>
          <cell r="C273">
            <v>30</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B274">
            <v>21</v>
          </cell>
          <cell r="C274">
            <v>30</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B275">
            <v>21</v>
          </cell>
          <cell r="C275">
            <v>30</v>
          </cell>
          <cell r="D275">
            <v>21</v>
          </cell>
          <cell r="E275">
            <v>30</v>
          </cell>
          <cell r="F275">
            <v>40</v>
          </cell>
          <cell r="G275">
            <v>0</v>
          </cell>
          <cell r="H275">
            <v>0</v>
          </cell>
          <cell r="I275">
            <v>0</v>
          </cell>
          <cell r="J275">
            <v>0</v>
          </cell>
          <cell r="K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B276">
            <v>21</v>
          </cell>
          <cell r="C276">
            <v>3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B277">
            <v>21</v>
          </cell>
          <cell r="C277">
            <v>30</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B278">
            <v>21</v>
          </cell>
          <cell r="C278">
            <v>30</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B279">
            <v>21</v>
          </cell>
          <cell r="C279">
            <v>30</v>
          </cell>
          <cell r="D279">
            <v>21</v>
          </cell>
          <cell r="E279">
            <v>30</v>
          </cell>
          <cell r="F279">
            <v>60</v>
          </cell>
          <cell r="G279">
            <v>0</v>
          </cell>
          <cell r="H279">
            <v>0</v>
          </cell>
          <cell r="I279">
            <v>0</v>
          </cell>
          <cell r="J279">
            <v>0</v>
          </cell>
          <cell r="K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B280">
            <v>21</v>
          </cell>
          <cell r="C280">
            <v>30</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B281">
            <v>21</v>
          </cell>
          <cell r="C281">
            <v>30</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B282">
            <v>21</v>
          </cell>
          <cell r="C282">
            <v>30</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B283">
            <v>21</v>
          </cell>
          <cell r="C283">
            <v>30</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B284">
            <v>21</v>
          </cell>
          <cell r="C284">
            <v>30</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B285">
            <v>21</v>
          </cell>
          <cell r="C285">
            <v>30</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B286">
            <v>21</v>
          </cell>
          <cell r="C286">
            <v>3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B287">
            <v>21</v>
          </cell>
          <cell r="C287">
            <v>30</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B288">
            <v>21</v>
          </cell>
          <cell r="C288">
            <v>30</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B289">
            <v>21</v>
          </cell>
          <cell r="C289">
            <v>30</v>
          </cell>
          <cell r="D289">
            <v>21</v>
          </cell>
          <cell r="E289">
            <v>30</v>
          </cell>
          <cell r="F289">
            <v>80</v>
          </cell>
          <cell r="G289">
            <v>0</v>
          </cell>
          <cell r="H289">
            <v>0</v>
          </cell>
          <cell r="I289">
            <v>0</v>
          </cell>
          <cell r="J289">
            <v>0</v>
          </cell>
          <cell r="K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B290">
            <v>21</v>
          </cell>
          <cell r="C290">
            <v>30</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B291">
            <v>21</v>
          </cell>
          <cell r="C291">
            <v>30</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B292">
            <v>21</v>
          </cell>
          <cell r="C292">
            <v>40</v>
          </cell>
          <cell r="D292">
            <v>21</v>
          </cell>
          <cell r="E292">
            <v>40</v>
          </cell>
          <cell r="F292">
            <v>0</v>
          </cell>
          <cell r="G292">
            <v>0</v>
          </cell>
          <cell r="H292">
            <v>0</v>
          </cell>
          <cell r="I292">
            <v>0</v>
          </cell>
          <cell r="J292">
            <v>0</v>
          </cell>
          <cell r="K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B293">
            <v>21</v>
          </cell>
          <cell r="C293">
            <v>40</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B294">
            <v>21</v>
          </cell>
          <cell r="C294">
            <v>50</v>
          </cell>
          <cell r="D294">
            <v>21</v>
          </cell>
          <cell r="E294">
            <v>50</v>
          </cell>
          <cell r="F294">
            <v>0</v>
          </cell>
          <cell r="G294">
            <v>0</v>
          </cell>
          <cell r="H294">
            <v>0</v>
          </cell>
          <cell r="I294">
            <v>0</v>
          </cell>
          <cell r="J294">
            <v>0</v>
          </cell>
          <cell r="K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B295">
            <v>21</v>
          </cell>
          <cell r="C295">
            <v>50</v>
          </cell>
          <cell r="D295">
            <v>21</v>
          </cell>
          <cell r="E295">
            <v>50</v>
          </cell>
          <cell r="F295">
            <v>10</v>
          </cell>
          <cell r="G295">
            <v>0</v>
          </cell>
          <cell r="H295">
            <v>0</v>
          </cell>
          <cell r="I295">
            <v>0</v>
          </cell>
          <cell r="J295">
            <v>0</v>
          </cell>
          <cell r="K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B296">
            <v>21</v>
          </cell>
          <cell r="C296">
            <v>5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B297">
            <v>21</v>
          </cell>
          <cell r="C297">
            <v>50</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B298">
            <v>21</v>
          </cell>
          <cell r="C298">
            <v>60</v>
          </cell>
          <cell r="D298">
            <v>21</v>
          </cell>
          <cell r="E298">
            <v>60</v>
          </cell>
          <cell r="F298">
            <v>0</v>
          </cell>
          <cell r="G298">
            <v>0</v>
          </cell>
          <cell r="H298">
            <v>0</v>
          </cell>
          <cell r="I298">
            <v>0</v>
          </cell>
          <cell r="J298">
            <v>0</v>
          </cell>
          <cell r="K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B299">
            <v>21</v>
          </cell>
          <cell r="C299">
            <v>60</v>
          </cell>
          <cell r="D299">
            <v>21</v>
          </cell>
          <cell r="E299">
            <v>60</v>
          </cell>
          <cell r="F299">
            <v>5</v>
          </cell>
          <cell r="G299">
            <v>0</v>
          </cell>
          <cell r="H299">
            <v>0</v>
          </cell>
          <cell r="I299">
            <v>0</v>
          </cell>
          <cell r="J299">
            <v>0</v>
          </cell>
          <cell r="K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B300">
            <v>21</v>
          </cell>
          <cell r="C300">
            <v>60</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B301">
            <v>21</v>
          </cell>
          <cell r="C301">
            <v>60</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B302">
            <v>21</v>
          </cell>
          <cell r="C302">
            <v>60</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B303">
            <v>21</v>
          </cell>
          <cell r="C303">
            <v>60</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B304">
            <v>21</v>
          </cell>
          <cell r="C304">
            <v>60</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B305">
            <v>21</v>
          </cell>
          <cell r="C305">
            <v>60</v>
          </cell>
          <cell r="D305">
            <v>21</v>
          </cell>
          <cell r="E305">
            <v>60</v>
          </cell>
          <cell r="F305">
            <v>10</v>
          </cell>
          <cell r="G305">
            <v>0</v>
          </cell>
          <cell r="H305">
            <v>0</v>
          </cell>
          <cell r="I305">
            <v>0</v>
          </cell>
          <cell r="J305">
            <v>0</v>
          </cell>
          <cell r="K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B306">
            <v>21</v>
          </cell>
          <cell r="C306">
            <v>6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B307">
            <v>21</v>
          </cell>
          <cell r="C307">
            <v>60</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B308">
            <v>21</v>
          </cell>
          <cell r="C308">
            <v>60</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B309">
            <v>21</v>
          </cell>
          <cell r="C309">
            <v>60</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B310">
            <v>21</v>
          </cell>
          <cell r="C310">
            <v>60</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B311">
            <v>21</v>
          </cell>
          <cell r="C311">
            <v>60</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B312">
            <v>21</v>
          </cell>
          <cell r="C312">
            <v>60</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B313">
            <v>21</v>
          </cell>
          <cell r="C313">
            <v>60</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B314">
            <v>21</v>
          </cell>
          <cell r="C314">
            <v>60</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B315">
            <v>21</v>
          </cell>
          <cell r="C315">
            <v>60</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B316">
            <v>21</v>
          </cell>
          <cell r="C316">
            <v>6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B317">
            <v>21</v>
          </cell>
          <cell r="C317">
            <v>60</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B318">
            <v>21</v>
          </cell>
          <cell r="C318">
            <v>60</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B319">
            <v>21</v>
          </cell>
          <cell r="C319">
            <v>70</v>
          </cell>
          <cell r="D319">
            <v>21</v>
          </cell>
          <cell r="E319">
            <v>70</v>
          </cell>
          <cell r="F319">
            <v>0</v>
          </cell>
          <cell r="G319">
            <v>0</v>
          </cell>
          <cell r="H319">
            <v>0</v>
          </cell>
          <cell r="I319">
            <v>0</v>
          </cell>
          <cell r="J319">
            <v>0</v>
          </cell>
          <cell r="K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B320">
            <v>21</v>
          </cell>
          <cell r="C320">
            <v>70</v>
          </cell>
          <cell r="D320">
            <v>21</v>
          </cell>
          <cell r="E320">
            <v>70</v>
          </cell>
          <cell r="F320">
            <v>10</v>
          </cell>
          <cell r="G320">
            <v>0</v>
          </cell>
          <cell r="H320">
            <v>0</v>
          </cell>
          <cell r="I320">
            <v>0</v>
          </cell>
          <cell r="J320">
            <v>0</v>
          </cell>
          <cell r="K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B321">
            <v>21</v>
          </cell>
          <cell r="C321">
            <v>70</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B322">
            <v>21</v>
          </cell>
          <cell r="C322">
            <v>70</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B323">
            <v>21</v>
          </cell>
          <cell r="C323">
            <v>70</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B324">
            <v>21</v>
          </cell>
          <cell r="C324">
            <v>80</v>
          </cell>
          <cell r="D324">
            <v>21</v>
          </cell>
          <cell r="E324">
            <v>80</v>
          </cell>
          <cell r="F324">
            <v>0</v>
          </cell>
          <cell r="G324">
            <v>0</v>
          </cell>
          <cell r="H324">
            <v>0</v>
          </cell>
          <cell r="I324">
            <v>0</v>
          </cell>
          <cell r="J324">
            <v>0</v>
          </cell>
          <cell r="K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B325">
            <v>21</v>
          </cell>
          <cell r="C325">
            <v>80</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B326">
            <v>22</v>
          </cell>
          <cell r="C326">
            <v>0</v>
          </cell>
          <cell r="D326">
            <v>22</v>
          </cell>
          <cell r="E326">
            <v>0</v>
          </cell>
          <cell r="F326">
            <v>0</v>
          </cell>
          <cell r="G326">
            <v>0</v>
          </cell>
          <cell r="H326">
            <v>0</v>
          </cell>
          <cell r="I326">
            <v>0</v>
          </cell>
          <cell r="J326">
            <v>0</v>
          </cell>
          <cell r="K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B327">
            <v>22</v>
          </cell>
          <cell r="C327">
            <v>10</v>
          </cell>
          <cell r="D327">
            <v>22</v>
          </cell>
          <cell r="E327">
            <v>10</v>
          </cell>
          <cell r="F327">
            <v>0</v>
          </cell>
          <cell r="G327">
            <v>0</v>
          </cell>
          <cell r="H327">
            <v>0</v>
          </cell>
          <cell r="I327">
            <v>0</v>
          </cell>
          <cell r="J327">
            <v>0</v>
          </cell>
          <cell r="K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B328">
            <v>22</v>
          </cell>
          <cell r="C328">
            <v>10</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B329">
            <v>22</v>
          </cell>
          <cell r="C329">
            <v>10</v>
          </cell>
          <cell r="D329">
            <v>22</v>
          </cell>
          <cell r="E329">
            <v>10</v>
          </cell>
          <cell r="F329">
            <v>20</v>
          </cell>
          <cell r="G329">
            <v>0</v>
          </cell>
          <cell r="H329">
            <v>0</v>
          </cell>
          <cell r="I329">
            <v>0</v>
          </cell>
          <cell r="J329">
            <v>0</v>
          </cell>
          <cell r="K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B330">
            <v>22</v>
          </cell>
          <cell r="C330">
            <v>10</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B331">
            <v>22</v>
          </cell>
          <cell r="C331">
            <v>10</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B332">
            <v>22</v>
          </cell>
          <cell r="C332">
            <v>20</v>
          </cell>
          <cell r="D332">
            <v>22</v>
          </cell>
          <cell r="E332">
            <v>20</v>
          </cell>
          <cell r="F332">
            <v>0</v>
          </cell>
          <cell r="G332">
            <v>0</v>
          </cell>
          <cell r="H332">
            <v>0</v>
          </cell>
          <cell r="I332">
            <v>0</v>
          </cell>
          <cell r="J332">
            <v>0</v>
          </cell>
          <cell r="K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B333">
            <v>22</v>
          </cell>
          <cell r="C333">
            <v>20</v>
          </cell>
          <cell r="D333">
            <v>22</v>
          </cell>
          <cell r="E333">
            <v>20</v>
          </cell>
          <cell r="F333">
            <v>10</v>
          </cell>
          <cell r="G333">
            <v>0</v>
          </cell>
          <cell r="H333">
            <v>0</v>
          </cell>
          <cell r="I333">
            <v>0</v>
          </cell>
          <cell r="J333">
            <v>0</v>
          </cell>
          <cell r="K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B334">
            <v>22</v>
          </cell>
          <cell r="C334">
            <v>20</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B335">
            <v>22</v>
          </cell>
          <cell r="C335">
            <v>20</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B336">
            <v>22</v>
          </cell>
          <cell r="C336">
            <v>2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B337">
            <v>22</v>
          </cell>
          <cell r="C337">
            <v>30</v>
          </cell>
          <cell r="D337">
            <v>22</v>
          </cell>
          <cell r="E337">
            <v>30</v>
          </cell>
          <cell r="F337">
            <v>0</v>
          </cell>
          <cell r="G337">
            <v>0</v>
          </cell>
          <cell r="H337">
            <v>0</v>
          </cell>
          <cell r="I337">
            <v>0</v>
          </cell>
          <cell r="J337">
            <v>0</v>
          </cell>
          <cell r="K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B338">
            <v>22</v>
          </cell>
          <cell r="C338">
            <v>30</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B339">
            <v>22</v>
          </cell>
          <cell r="C339">
            <v>30</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B340">
            <v>22</v>
          </cell>
          <cell r="C340">
            <v>30</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B341">
            <v>22</v>
          </cell>
          <cell r="C341">
            <v>30</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B342">
            <v>22</v>
          </cell>
          <cell r="C342">
            <v>40</v>
          </cell>
          <cell r="D342">
            <v>22</v>
          </cell>
          <cell r="E342">
            <v>40</v>
          </cell>
          <cell r="F342">
            <v>0</v>
          </cell>
          <cell r="G342">
            <v>0</v>
          </cell>
          <cell r="H342">
            <v>0</v>
          </cell>
          <cell r="I342">
            <v>0</v>
          </cell>
          <cell r="J342">
            <v>0</v>
          </cell>
          <cell r="K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B343">
            <v>22</v>
          </cell>
          <cell r="C343">
            <v>40</v>
          </cell>
          <cell r="D343">
            <v>22</v>
          </cell>
          <cell r="E343">
            <v>40</v>
          </cell>
          <cell r="F343">
            <v>10</v>
          </cell>
          <cell r="G343">
            <v>0</v>
          </cell>
          <cell r="H343">
            <v>0</v>
          </cell>
          <cell r="I343">
            <v>0</v>
          </cell>
          <cell r="J343">
            <v>0</v>
          </cell>
          <cell r="K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B344">
            <v>22</v>
          </cell>
          <cell r="C344">
            <v>40</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B345">
            <v>22</v>
          </cell>
          <cell r="C345">
            <v>40</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B346">
            <v>22</v>
          </cell>
          <cell r="C346">
            <v>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B347">
            <v>22</v>
          </cell>
          <cell r="C347">
            <v>50</v>
          </cell>
          <cell r="D347">
            <v>22</v>
          </cell>
          <cell r="E347">
            <v>50</v>
          </cell>
          <cell r="F347">
            <v>0</v>
          </cell>
          <cell r="G347">
            <v>0</v>
          </cell>
          <cell r="H347">
            <v>0</v>
          </cell>
          <cell r="I347">
            <v>0</v>
          </cell>
          <cell r="J347">
            <v>0</v>
          </cell>
          <cell r="K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B348">
            <v>22</v>
          </cell>
          <cell r="C348">
            <v>50</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B349">
            <v>22</v>
          </cell>
          <cell r="C349">
            <v>50</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B350">
            <v>22</v>
          </cell>
          <cell r="C350">
            <v>60</v>
          </cell>
          <cell r="D350">
            <v>22</v>
          </cell>
          <cell r="E350">
            <v>60</v>
          </cell>
          <cell r="F350">
            <v>0</v>
          </cell>
          <cell r="G350">
            <v>0</v>
          </cell>
          <cell r="H350">
            <v>0</v>
          </cell>
          <cell r="I350">
            <v>0</v>
          </cell>
          <cell r="J350">
            <v>0</v>
          </cell>
          <cell r="K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B351">
            <v>22</v>
          </cell>
          <cell r="C351">
            <v>60</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B352">
            <v>22</v>
          </cell>
          <cell r="C352">
            <v>60</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B353">
            <v>22</v>
          </cell>
          <cell r="C353">
            <v>60</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B354">
            <v>22</v>
          </cell>
          <cell r="C354">
            <v>60</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B355">
            <v>22</v>
          </cell>
          <cell r="C355">
            <v>70</v>
          </cell>
          <cell r="D355">
            <v>22</v>
          </cell>
          <cell r="E355">
            <v>70</v>
          </cell>
          <cell r="F355">
            <v>0</v>
          </cell>
          <cell r="G355">
            <v>0</v>
          </cell>
          <cell r="H355">
            <v>0</v>
          </cell>
          <cell r="I355">
            <v>0</v>
          </cell>
          <cell r="J355">
            <v>0</v>
          </cell>
          <cell r="K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B356">
            <v>22</v>
          </cell>
          <cell r="C356">
            <v>7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B357">
            <v>22</v>
          </cell>
          <cell r="C357">
            <v>70</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B358">
            <v>22</v>
          </cell>
          <cell r="C358">
            <v>70</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B359">
            <v>22</v>
          </cell>
          <cell r="C359">
            <v>70</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B360">
            <v>22</v>
          </cell>
          <cell r="C360">
            <v>80</v>
          </cell>
          <cell r="D360">
            <v>22</v>
          </cell>
          <cell r="E360">
            <v>80</v>
          </cell>
          <cell r="F360">
            <v>0</v>
          </cell>
          <cell r="G360">
            <v>0</v>
          </cell>
          <cell r="H360">
            <v>0</v>
          </cell>
          <cell r="I360">
            <v>0</v>
          </cell>
          <cell r="J360">
            <v>0</v>
          </cell>
          <cell r="K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B361">
            <v>22</v>
          </cell>
          <cell r="C361">
            <v>80</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B362">
            <v>22</v>
          </cell>
          <cell r="C362">
            <v>80</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B363">
            <v>22</v>
          </cell>
          <cell r="C363">
            <v>80</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B364">
            <v>22</v>
          </cell>
          <cell r="C364">
            <v>90</v>
          </cell>
          <cell r="D364">
            <v>22</v>
          </cell>
          <cell r="E364">
            <v>90</v>
          </cell>
          <cell r="F364">
            <v>0</v>
          </cell>
          <cell r="G364">
            <v>0</v>
          </cell>
          <cell r="H364">
            <v>0</v>
          </cell>
          <cell r="I364">
            <v>0</v>
          </cell>
          <cell r="J364">
            <v>0</v>
          </cell>
          <cell r="K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B365">
            <v>22</v>
          </cell>
          <cell r="C365">
            <v>90</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B366">
            <v>22</v>
          </cell>
          <cell r="C366">
            <v>9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B367">
            <v>23</v>
          </cell>
          <cell r="C367">
            <v>0</v>
          </cell>
          <cell r="D367">
            <v>23</v>
          </cell>
          <cell r="E367">
            <v>0</v>
          </cell>
          <cell r="F367">
            <v>0</v>
          </cell>
          <cell r="G367">
            <v>0</v>
          </cell>
          <cell r="H367">
            <v>0</v>
          </cell>
          <cell r="I367">
            <v>0</v>
          </cell>
          <cell r="J367">
            <v>0</v>
          </cell>
          <cell r="K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B368">
            <v>23</v>
          </cell>
          <cell r="C368">
            <v>10</v>
          </cell>
          <cell r="D368">
            <v>23</v>
          </cell>
          <cell r="E368">
            <v>10</v>
          </cell>
          <cell r="F368">
            <v>0</v>
          </cell>
          <cell r="G368">
            <v>0</v>
          </cell>
          <cell r="H368">
            <v>0</v>
          </cell>
          <cell r="I368">
            <v>0</v>
          </cell>
          <cell r="J368">
            <v>0</v>
          </cell>
          <cell r="K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B369">
            <v>23</v>
          </cell>
          <cell r="C369">
            <v>10</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B370">
            <v>23</v>
          </cell>
          <cell r="C370">
            <v>10</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B371">
            <v>23</v>
          </cell>
          <cell r="C371">
            <v>10</v>
          </cell>
          <cell r="D371">
            <v>23</v>
          </cell>
          <cell r="E371">
            <v>10</v>
          </cell>
          <cell r="F371">
            <v>30</v>
          </cell>
          <cell r="G371">
            <v>0</v>
          </cell>
          <cell r="H371">
            <v>0</v>
          </cell>
          <cell r="I371">
            <v>0</v>
          </cell>
          <cell r="J371">
            <v>0</v>
          </cell>
          <cell r="K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B372">
            <v>23</v>
          </cell>
          <cell r="C372">
            <v>10</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B373">
            <v>23</v>
          </cell>
          <cell r="C373">
            <v>10</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B374">
            <v>23</v>
          </cell>
          <cell r="C374">
            <v>10</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B375">
            <v>23</v>
          </cell>
          <cell r="C375">
            <v>10</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B376">
            <v>23</v>
          </cell>
          <cell r="C376">
            <v>1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B377">
            <v>23</v>
          </cell>
          <cell r="C377">
            <v>10</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B378">
            <v>23</v>
          </cell>
          <cell r="C378">
            <v>20</v>
          </cell>
          <cell r="D378">
            <v>23</v>
          </cell>
          <cell r="E378">
            <v>20</v>
          </cell>
          <cell r="F378">
            <v>0</v>
          </cell>
          <cell r="G378">
            <v>0</v>
          </cell>
          <cell r="H378">
            <v>0</v>
          </cell>
          <cell r="I378">
            <v>0</v>
          </cell>
          <cell r="J378">
            <v>0</v>
          </cell>
          <cell r="K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B379">
            <v>23</v>
          </cell>
          <cell r="C379">
            <v>20</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B380">
            <v>23</v>
          </cell>
          <cell r="C380">
            <v>20</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B381">
            <v>23</v>
          </cell>
          <cell r="C381">
            <v>20</v>
          </cell>
          <cell r="D381">
            <v>23</v>
          </cell>
          <cell r="E381">
            <v>20</v>
          </cell>
          <cell r="F381">
            <v>30</v>
          </cell>
          <cell r="G381">
            <v>0</v>
          </cell>
          <cell r="H381">
            <v>0</v>
          </cell>
          <cell r="I381">
            <v>0</v>
          </cell>
          <cell r="J381">
            <v>0</v>
          </cell>
          <cell r="K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B382">
            <v>23</v>
          </cell>
          <cell r="C382">
            <v>20</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B383">
            <v>23</v>
          </cell>
          <cell r="C383">
            <v>20</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B384">
            <v>23</v>
          </cell>
          <cell r="C384">
            <v>20</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B385">
            <v>23</v>
          </cell>
          <cell r="C385">
            <v>20</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B386">
            <v>24</v>
          </cell>
          <cell r="C386">
            <v>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B387">
            <v>25</v>
          </cell>
          <cell r="C387">
            <v>0</v>
          </cell>
          <cell r="D387">
            <v>25</v>
          </cell>
          <cell r="E387">
            <v>0</v>
          </cell>
          <cell r="F387">
            <v>0</v>
          </cell>
          <cell r="G387">
            <v>0</v>
          </cell>
          <cell r="H387">
            <v>0</v>
          </cell>
          <cell r="I387">
            <v>0</v>
          </cell>
          <cell r="J387">
            <v>0</v>
          </cell>
          <cell r="K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B388">
            <v>25</v>
          </cell>
          <cell r="C388">
            <v>10</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B389">
            <v>25</v>
          </cell>
          <cell r="C389">
            <v>20</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B390">
            <v>25</v>
          </cell>
          <cell r="C390">
            <v>30</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B391">
            <v>26</v>
          </cell>
          <cell r="C391">
            <v>0</v>
          </cell>
          <cell r="D391">
            <v>26</v>
          </cell>
          <cell r="E391">
            <v>0</v>
          </cell>
          <cell r="F391">
            <v>0</v>
          </cell>
          <cell r="G391">
            <v>0</v>
          </cell>
          <cell r="H391">
            <v>0</v>
          </cell>
          <cell r="I391">
            <v>0</v>
          </cell>
          <cell r="J391">
            <v>0</v>
          </cell>
          <cell r="K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B392">
            <v>26</v>
          </cell>
          <cell r="C392">
            <v>10</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B393">
            <v>26</v>
          </cell>
          <cell r="C393">
            <v>20</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B394">
            <v>26</v>
          </cell>
          <cell r="C394">
            <v>30</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B395">
            <v>27</v>
          </cell>
          <cell r="C395">
            <v>0</v>
          </cell>
          <cell r="D395">
            <v>27</v>
          </cell>
          <cell r="E395">
            <v>0</v>
          </cell>
          <cell r="F395">
            <v>0</v>
          </cell>
          <cell r="G395">
            <v>0</v>
          </cell>
          <cell r="H395">
            <v>0</v>
          </cell>
          <cell r="I395">
            <v>0</v>
          </cell>
          <cell r="J395">
            <v>0</v>
          </cell>
          <cell r="K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B396">
            <v>27</v>
          </cell>
          <cell r="C396">
            <v>1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B397">
            <v>27</v>
          </cell>
          <cell r="C397">
            <v>20</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B398">
            <v>27</v>
          </cell>
          <cell r="C398">
            <v>30</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B399">
            <v>28</v>
          </cell>
          <cell r="C399">
            <v>0</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B400" t="str">
            <v/>
          </cell>
          <cell r="C400" t="str">
            <v/>
          </cell>
          <cell r="D400" t="str">
            <v/>
          </cell>
          <cell r="E400" t="str">
            <v/>
          </cell>
          <cell r="J400" t="str">
            <v/>
          </cell>
          <cell r="M400" t="str">
            <v/>
          </cell>
          <cell r="U400" t="str">
            <v/>
          </cell>
          <cell r="X400" t="str">
            <v/>
          </cell>
        </row>
        <row r="401">
          <cell r="A401">
            <v>395</v>
          </cell>
          <cell r="B401" t="str">
            <v/>
          </cell>
          <cell r="C401" t="str">
            <v/>
          </cell>
          <cell r="D401" t="str">
            <v/>
          </cell>
          <cell r="E401" t="str">
            <v/>
          </cell>
          <cell r="J401" t="str">
            <v/>
          </cell>
          <cell r="M401" t="str">
            <v/>
          </cell>
          <cell r="U401" t="str">
            <v/>
          </cell>
          <cell r="X401" t="str">
            <v/>
          </cell>
        </row>
        <row r="402">
          <cell r="A402">
            <v>396</v>
          </cell>
          <cell r="B402" t="str">
            <v/>
          </cell>
          <cell r="C402" t="str">
            <v/>
          </cell>
          <cell r="D402" t="str">
            <v/>
          </cell>
          <cell r="E402" t="str">
            <v/>
          </cell>
          <cell r="J402" t="str">
            <v/>
          </cell>
          <cell r="M402" t="str">
            <v/>
          </cell>
          <cell r="U402" t="str">
            <v/>
          </cell>
          <cell r="X402" t="str">
            <v/>
          </cell>
        </row>
        <row r="403">
          <cell r="A403">
            <v>397</v>
          </cell>
          <cell r="B403" t="str">
            <v/>
          </cell>
          <cell r="C403" t="str">
            <v/>
          </cell>
          <cell r="D403" t="str">
            <v/>
          </cell>
          <cell r="E403" t="str">
            <v/>
          </cell>
          <cell r="J403" t="str">
            <v/>
          </cell>
          <cell r="M403" t="str">
            <v/>
          </cell>
          <cell r="U403" t="str">
            <v/>
          </cell>
          <cell r="X403" t="str">
            <v/>
          </cell>
        </row>
        <row r="404">
          <cell r="A404">
            <v>398</v>
          </cell>
          <cell r="B404" t="str">
            <v/>
          </cell>
          <cell r="C404" t="str">
            <v/>
          </cell>
          <cell r="D404" t="str">
            <v/>
          </cell>
          <cell r="E404" t="str">
            <v/>
          </cell>
          <cell r="J404" t="str">
            <v/>
          </cell>
          <cell r="M404" t="str">
            <v/>
          </cell>
          <cell r="U404" t="str">
            <v/>
          </cell>
          <cell r="X404" t="str">
            <v/>
          </cell>
        </row>
        <row r="405">
          <cell r="A405">
            <v>399</v>
          </cell>
          <cell r="B405" t="str">
            <v/>
          </cell>
          <cell r="C405" t="str">
            <v/>
          </cell>
          <cell r="D405" t="str">
            <v/>
          </cell>
          <cell r="E405" t="str">
            <v/>
          </cell>
          <cell r="J405" t="str">
            <v/>
          </cell>
          <cell r="M405" t="str">
            <v/>
          </cell>
          <cell r="U405" t="str">
            <v/>
          </cell>
          <cell r="X405" t="str">
            <v/>
          </cell>
        </row>
        <row r="406">
          <cell r="A406">
            <v>400</v>
          </cell>
          <cell r="B406" t="str">
            <v/>
          </cell>
          <cell r="C406" t="str">
            <v/>
          </cell>
          <cell r="D406" t="str">
            <v/>
          </cell>
          <cell r="E406" t="str">
            <v/>
          </cell>
          <cell r="J406" t="str">
            <v/>
          </cell>
          <cell r="M406" t="str">
            <v/>
          </cell>
          <cell r="U406" t="str">
            <v/>
          </cell>
          <cell r="X406" t="str">
            <v/>
          </cell>
        </row>
        <row r="407">
          <cell r="A407">
            <v>401</v>
          </cell>
          <cell r="B407" t="str">
            <v/>
          </cell>
          <cell r="C407" t="str">
            <v/>
          </cell>
          <cell r="D407" t="str">
            <v/>
          </cell>
          <cell r="E407" t="str">
            <v/>
          </cell>
          <cell r="J407" t="str">
            <v/>
          </cell>
          <cell r="M407" t="str">
            <v/>
          </cell>
          <cell r="U407" t="str">
            <v/>
          </cell>
          <cell r="X407" t="str">
            <v/>
          </cell>
        </row>
        <row r="408">
          <cell r="A408">
            <v>402</v>
          </cell>
          <cell r="B408" t="str">
            <v/>
          </cell>
          <cell r="C408" t="str">
            <v/>
          </cell>
          <cell r="D408" t="str">
            <v/>
          </cell>
          <cell r="E408" t="str">
            <v/>
          </cell>
          <cell r="J408" t="str">
            <v/>
          </cell>
          <cell r="M408" t="str">
            <v/>
          </cell>
          <cell r="U408" t="str">
            <v/>
          </cell>
          <cell r="X408" t="str">
            <v/>
          </cell>
        </row>
        <row r="409">
          <cell r="A409">
            <v>403</v>
          </cell>
          <cell r="B409" t="str">
            <v/>
          </cell>
          <cell r="C409" t="str">
            <v/>
          </cell>
          <cell r="D409" t="str">
            <v/>
          </cell>
          <cell r="E409" t="str">
            <v/>
          </cell>
          <cell r="J409" t="str">
            <v/>
          </cell>
          <cell r="M409" t="str">
            <v/>
          </cell>
          <cell r="U409" t="str">
            <v/>
          </cell>
          <cell r="X409" t="str">
            <v/>
          </cell>
        </row>
        <row r="410">
          <cell r="A410">
            <v>404</v>
          </cell>
          <cell r="B410" t="str">
            <v/>
          </cell>
          <cell r="C410" t="str">
            <v/>
          </cell>
          <cell r="D410" t="str">
            <v/>
          </cell>
          <cell r="E410" t="str">
            <v/>
          </cell>
          <cell r="J410" t="str">
            <v/>
          </cell>
          <cell r="M410" t="str">
            <v/>
          </cell>
          <cell r="U410" t="str">
            <v/>
          </cell>
          <cell r="X410" t="str">
            <v/>
          </cell>
        </row>
        <row r="411">
          <cell r="A411">
            <v>405</v>
          </cell>
          <cell r="B411" t="str">
            <v/>
          </cell>
          <cell r="C411" t="str">
            <v/>
          </cell>
          <cell r="D411" t="str">
            <v/>
          </cell>
          <cell r="E411" t="str">
            <v/>
          </cell>
          <cell r="J411" t="str">
            <v/>
          </cell>
          <cell r="M411" t="str">
            <v/>
          </cell>
          <cell r="U411" t="str">
            <v/>
          </cell>
          <cell r="X411" t="str">
            <v/>
          </cell>
        </row>
        <row r="412">
          <cell r="A412">
            <v>406</v>
          </cell>
          <cell r="B412" t="str">
            <v/>
          </cell>
          <cell r="C412" t="str">
            <v/>
          </cell>
          <cell r="D412" t="str">
            <v/>
          </cell>
          <cell r="E412" t="str">
            <v/>
          </cell>
          <cell r="J412" t="str">
            <v/>
          </cell>
          <cell r="M412" t="str">
            <v/>
          </cell>
          <cell r="U412" t="str">
            <v/>
          </cell>
          <cell r="X412" t="str">
            <v/>
          </cell>
        </row>
        <row r="413">
          <cell r="A413">
            <v>407</v>
          </cell>
          <cell r="B413" t="str">
            <v/>
          </cell>
          <cell r="C413" t="str">
            <v/>
          </cell>
          <cell r="D413" t="str">
            <v/>
          </cell>
          <cell r="E413" t="str">
            <v/>
          </cell>
          <cell r="J413" t="str">
            <v/>
          </cell>
          <cell r="M413" t="str">
            <v/>
          </cell>
          <cell r="U413" t="str">
            <v/>
          </cell>
          <cell r="X413" t="str">
            <v/>
          </cell>
        </row>
        <row r="414">
          <cell r="A414">
            <v>408</v>
          </cell>
          <cell r="B414" t="str">
            <v/>
          </cell>
          <cell r="C414" t="str">
            <v/>
          </cell>
          <cell r="D414" t="str">
            <v/>
          </cell>
          <cell r="E414" t="str">
            <v/>
          </cell>
          <cell r="J414" t="str">
            <v/>
          </cell>
          <cell r="M414" t="str">
            <v/>
          </cell>
          <cell r="U414" t="str">
            <v/>
          </cell>
          <cell r="X414" t="str">
            <v/>
          </cell>
        </row>
        <row r="415">
          <cell r="A415">
            <v>409</v>
          </cell>
          <cell r="B415" t="str">
            <v/>
          </cell>
          <cell r="C415" t="str">
            <v/>
          </cell>
          <cell r="D415" t="str">
            <v/>
          </cell>
          <cell r="E415" t="str">
            <v/>
          </cell>
          <cell r="J415" t="str">
            <v/>
          </cell>
          <cell r="M415" t="str">
            <v/>
          </cell>
          <cell r="U415" t="str">
            <v/>
          </cell>
          <cell r="X415" t="str">
            <v/>
          </cell>
        </row>
        <row r="416">
          <cell r="A416">
            <v>410</v>
          </cell>
          <cell r="B416" t="str">
            <v/>
          </cell>
          <cell r="C416" t="str">
            <v/>
          </cell>
          <cell r="D416" t="str">
            <v/>
          </cell>
          <cell r="E416" t="str">
            <v/>
          </cell>
          <cell r="J416" t="str">
            <v/>
          </cell>
          <cell r="M416" t="str">
            <v/>
          </cell>
          <cell r="U416" t="str">
            <v/>
          </cell>
          <cell r="X416" t="str">
            <v/>
          </cell>
        </row>
        <row r="417">
          <cell r="A417">
            <v>411</v>
          </cell>
          <cell r="B417" t="str">
            <v/>
          </cell>
          <cell r="C417" t="str">
            <v/>
          </cell>
          <cell r="D417" t="str">
            <v/>
          </cell>
          <cell r="E417" t="str">
            <v/>
          </cell>
          <cell r="J417" t="str">
            <v/>
          </cell>
          <cell r="M417" t="str">
            <v/>
          </cell>
          <cell r="U417" t="str">
            <v/>
          </cell>
          <cell r="X417" t="str">
            <v/>
          </cell>
        </row>
        <row r="418">
          <cell r="A418">
            <v>412</v>
          </cell>
          <cell r="B418" t="str">
            <v/>
          </cell>
          <cell r="C418" t="str">
            <v/>
          </cell>
          <cell r="D418" t="str">
            <v/>
          </cell>
          <cell r="E418" t="str">
            <v/>
          </cell>
          <cell r="J418" t="str">
            <v/>
          </cell>
          <cell r="M418" t="str">
            <v/>
          </cell>
          <cell r="U418" t="str">
            <v/>
          </cell>
          <cell r="X418" t="str">
            <v/>
          </cell>
        </row>
        <row r="419">
          <cell r="A419">
            <v>413</v>
          </cell>
          <cell r="B419" t="str">
            <v/>
          </cell>
          <cell r="C419" t="str">
            <v/>
          </cell>
          <cell r="D419" t="str">
            <v/>
          </cell>
          <cell r="E419" t="str">
            <v/>
          </cell>
          <cell r="J419" t="str">
            <v/>
          </cell>
          <cell r="M419" t="str">
            <v/>
          </cell>
          <cell r="U419" t="str">
            <v/>
          </cell>
          <cell r="X419" t="str">
            <v/>
          </cell>
        </row>
        <row r="420">
          <cell r="A420">
            <v>414</v>
          </cell>
          <cell r="B420" t="str">
            <v/>
          </cell>
          <cell r="C420" t="str">
            <v/>
          </cell>
          <cell r="D420" t="str">
            <v/>
          </cell>
          <cell r="E420" t="str">
            <v/>
          </cell>
          <cell r="J420" t="str">
            <v/>
          </cell>
          <cell r="M420" t="str">
            <v/>
          </cell>
          <cell r="U420" t="str">
            <v/>
          </cell>
          <cell r="X420" t="str">
            <v/>
          </cell>
        </row>
        <row r="421">
          <cell r="A421">
            <v>415</v>
          </cell>
          <cell r="B421" t="str">
            <v/>
          </cell>
          <cell r="C421" t="str">
            <v/>
          </cell>
          <cell r="D421" t="str">
            <v/>
          </cell>
          <cell r="E421" t="str">
            <v/>
          </cell>
          <cell r="J421" t="str">
            <v/>
          </cell>
          <cell r="M421" t="str">
            <v/>
          </cell>
          <cell r="U421" t="str">
            <v/>
          </cell>
          <cell r="X421" t="str">
            <v/>
          </cell>
        </row>
        <row r="422">
          <cell r="A422">
            <v>416</v>
          </cell>
          <cell r="B422" t="str">
            <v/>
          </cell>
          <cell r="C422" t="str">
            <v/>
          </cell>
          <cell r="D422" t="str">
            <v/>
          </cell>
          <cell r="E422" t="str">
            <v/>
          </cell>
          <cell r="J422" t="str">
            <v/>
          </cell>
          <cell r="M422" t="str">
            <v/>
          </cell>
          <cell r="U422" t="str">
            <v/>
          </cell>
          <cell r="X422" t="str">
            <v/>
          </cell>
        </row>
        <row r="423">
          <cell r="A423">
            <v>417</v>
          </cell>
          <cell r="B423" t="str">
            <v/>
          </cell>
          <cell r="C423" t="str">
            <v/>
          </cell>
          <cell r="D423" t="str">
            <v/>
          </cell>
          <cell r="E423" t="str">
            <v/>
          </cell>
          <cell r="J423" t="str">
            <v/>
          </cell>
          <cell r="M423" t="str">
            <v/>
          </cell>
          <cell r="U423" t="str">
            <v/>
          </cell>
          <cell r="X423" t="str">
            <v/>
          </cell>
        </row>
        <row r="424">
          <cell r="A424">
            <v>418</v>
          </cell>
          <cell r="B424" t="str">
            <v/>
          </cell>
          <cell r="C424" t="str">
            <v/>
          </cell>
          <cell r="D424" t="str">
            <v/>
          </cell>
          <cell r="E424" t="str">
            <v/>
          </cell>
          <cell r="J424" t="str">
            <v/>
          </cell>
          <cell r="M424" t="str">
            <v/>
          </cell>
          <cell r="U424" t="str">
            <v/>
          </cell>
          <cell r="X424" t="str">
            <v/>
          </cell>
        </row>
        <row r="425">
          <cell r="A425">
            <v>419</v>
          </cell>
          <cell r="B425" t="str">
            <v/>
          </cell>
          <cell r="C425" t="str">
            <v/>
          </cell>
          <cell r="D425" t="str">
            <v/>
          </cell>
          <cell r="E425" t="str">
            <v/>
          </cell>
          <cell r="J425" t="str">
            <v/>
          </cell>
          <cell r="M425" t="str">
            <v/>
          </cell>
          <cell r="U425" t="str">
            <v/>
          </cell>
          <cell r="X425" t="str">
            <v/>
          </cell>
        </row>
        <row r="426">
          <cell r="A426">
            <v>420</v>
          </cell>
          <cell r="B426" t="str">
            <v/>
          </cell>
          <cell r="C426" t="str">
            <v/>
          </cell>
          <cell r="D426" t="str">
            <v/>
          </cell>
          <cell r="E426" t="str">
            <v/>
          </cell>
          <cell r="J426" t="str">
            <v/>
          </cell>
          <cell r="M426" t="str">
            <v/>
          </cell>
          <cell r="U426" t="str">
            <v/>
          </cell>
          <cell r="X426" t="str">
            <v/>
          </cell>
        </row>
        <row r="427">
          <cell r="A427">
            <v>421</v>
          </cell>
          <cell r="B427" t="str">
            <v/>
          </cell>
          <cell r="C427" t="str">
            <v/>
          </cell>
          <cell r="D427" t="str">
            <v/>
          </cell>
          <cell r="E427" t="str">
            <v/>
          </cell>
          <cell r="J427" t="str">
            <v/>
          </cell>
          <cell r="M427" t="str">
            <v/>
          </cell>
          <cell r="U427" t="str">
            <v/>
          </cell>
          <cell r="X427" t="str">
            <v/>
          </cell>
        </row>
        <row r="428">
          <cell r="A428">
            <v>422</v>
          </cell>
          <cell r="B428" t="str">
            <v/>
          </cell>
          <cell r="C428" t="str">
            <v/>
          </cell>
          <cell r="D428" t="str">
            <v/>
          </cell>
          <cell r="E428" t="str">
            <v/>
          </cell>
          <cell r="J428" t="str">
            <v/>
          </cell>
          <cell r="M428" t="str">
            <v/>
          </cell>
          <cell r="U428" t="str">
            <v/>
          </cell>
          <cell r="X428" t="str">
            <v/>
          </cell>
        </row>
        <row r="429">
          <cell r="A429">
            <v>423</v>
          </cell>
          <cell r="B429" t="str">
            <v/>
          </cell>
          <cell r="C429" t="str">
            <v/>
          </cell>
          <cell r="D429" t="str">
            <v/>
          </cell>
          <cell r="E429" t="str">
            <v/>
          </cell>
          <cell r="J429" t="str">
            <v/>
          </cell>
          <cell r="M429" t="str">
            <v/>
          </cell>
          <cell r="U429" t="str">
            <v/>
          </cell>
          <cell r="X429" t="str">
            <v/>
          </cell>
        </row>
        <row r="430">
          <cell r="A430">
            <v>424</v>
          </cell>
          <cell r="B430" t="str">
            <v/>
          </cell>
          <cell r="C430" t="str">
            <v/>
          </cell>
          <cell r="D430" t="str">
            <v/>
          </cell>
          <cell r="E430" t="str">
            <v/>
          </cell>
          <cell r="J430" t="str">
            <v/>
          </cell>
          <cell r="M430" t="str">
            <v/>
          </cell>
          <cell r="U430" t="str">
            <v/>
          </cell>
          <cell r="X430" t="str">
            <v/>
          </cell>
        </row>
        <row r="431">
          <cell r="A431">
            <v>425</v>
          </cell>
          <cell r="B431" t="str">
            <v/>
          </cell>
          <cell r="C431" t="str">
            <v/>
          </cell>
          <cell r="D431" t="str">
            <v/>
          </cell>
          <cell r="E431" t="str">
            <v/>
          </cell>
          <cell r="J431" t="str">
            <v/>
          </cell>
          <cell r="M431" t="str">
            <v/>
          </cell>
          <cell r="U431" t="str">
            <v/>
          </cell>
          <cell r="X431" t="str">
            <v/>
          </cell>
        </row>
        <row r="432">
          <cell r="A432">
            <v>426</v>
          </cell>
          <cell r="B432" t="str">
            <v/>
          </cell>
          <cell r="C432" t="str">
            <v/>
          </cell>
          <cell r="D432" t="str">
            <v/>
          </cell>
          <cell r="E432" t="str">
            <v/>
          </cell>
          <cell r="J432" t="str">
            <v/>
          </cell>
          <cell r="M432" t="str">
            <v/>
          </cell>
          <cell r="U432" t="str">
            <v/>
          </cell>
          <cell r="X432" t="str">
            <v/>
          </cell>
        </row>
        <row r="433">
          <cell r="A433">
            <v>427</v>
          </cell>
          <cell r="B433" t="str">
            <v/>
          </cell>
          <cell r="C433" t="str">
            <v/>
          </cell>
          <cell r="D433" t="str">
            <v/>
          </cell>
          <cell r="E433" t="str">
            <v/>
          </cell>
          <cell r="J433" t="str">
            <v/>
          </cell>
          <cell r="M433" t="str">
            <v/>
          </cell>
          <cell r="U433" t="str">
            <v/>
          </cell>
          <cell r="X433" t="str">
            <v/>
          </cell>
        </row>
        <row r="434">
          <cell r="A434">
            <v>428</v>
          </cell>
          <cell r="B434" t="str">
            <v/>
          </cell>
          <cell r="C434" t="str">
            <v/>
          </cell>
          <cell r="D434" t="str">
            <v/>
          </cell>
          <cell r="E434" t="str">
            <v/>
          </cell>
          <cell r="J434" t="str">
            <v/>
          </cell>
          <cell r="M434" t="str">
            <v/>
          </cell>
          <cell r="U434" t="str">
            <v/>
          </cell>
          <cell r="X434" t="str">
            <v/>
          </cell>
        </row>
        <row r="435">
          <cell r="A435">
            <v>429</v>
          </cell>
          <cell r="B435" t="str">
            <v/>
          </cell>
          <cell r="C435" t="str">
            <v/>
          </cell>
          <cell r="D435" t="str">
            <v/>
          </cell>
          <cell r="E435" t="str">
            <v/>
          </cell>
          <cell r="J435" t="str">
            <v/>
          </cell>
          <cell r="M435" t="str">
            <v/>
          </cell>
          <cell r="U435" t="str">
            <v/>
          </cell>
          <cell r="X435" t="str">
            <v/>
          </cell>
        </row>
        <row r="436">
          <cell r="A436">
            <v>430</v>
          </cell>
          <cell r="B436" t="str">
            <v/>
          </cell>
          <cell r="C436" t="str">
            <v/>
          </cell>
          <cell r="D436" t="str">
            <v/>
          </cell>
          <cell r="E436" t="str">
            <v/>
          </cell>
          <cell r="J436" t="str">
            <v/>
          </cell>
          <cell r="M436" t="str">
            <v/>
          </cell>
          <cell r="U436" t="str">
            <v/>
          </cell>
          <cell r="X436" t="str">
            <v/>
          </cell>
        </row>
        <row r="437">
          <cell r="A437">
            <v>431</v>
          </cell>
          <cell r="B437" t="str">
            <v/>
          </cell>
          <cell r="C437" t="str">
            <v/>
          </cell>
          <cell r="D437" t="str">
            <v/>
          </cell>
          <cell r="E437" t="str">
            <v/>
          </cell>
          <cell r="J437" t="str">
            <v/>
          </cell>
          <cell r="M437" t="str">
            <v/>
          </cell>
          <cell r="U437" t="str">
            <v/>
          </cell>
          <cell r="X437" t="str">
            <v/>
          </cell>
        </row>
        <row r="438">
          <cell r="A438">
            <v>432</v>
          </cell>
          <cell r="B438" t="str">
            <v/>
          </cell>
          <cell r="C438" t="str">
            <v/>
          </cell>
          <cell r="D438" t="str">
            <v/>
          </cell>
          <cell r="E438" t="str">
            <v/>
          </cell>
          <cell r="J438" t="str">
            <v/>
          </cell>
          <cell r="M438" t="str">
            <v/>
          </cell>
          <cell r="U438" t="str">
            <v/>
          </cell>
          <cell r="X438" t="str">
            <v/>
          </cell>
        </row>
        <row r="439">
          <cell r="A439">
            <v>433</v>
          </cell>
          <cell r="B439" t="str">
            <v/>
          </cell>
          <cell r="C439" t="str">
            <v/>
          </cell>
          <cell r="D439" t="str">
            <v/>
          </cell>
          <cell r="E439" t="str">
            <v/>
          </cell>
          <cell r="J439" t="str">
            <v/>
          </cell>
          <cell r="M439" t="str">
            <v/>
          </cell>
          <cell r="U439" t="str">
            <v/>
          </cell>
          <cell r="X439" t="str">
            <v/>
          </cell>
        </row>
        <row r="440">
          <cell r="A440">
            <v>434</v>
          </cell>
          <cell r="B440" t="str">
            <v/>
          </cell>
          <cell r="C440" t="str">
            <v/>
          </cell>
          <cell r="D440" t="str">
            <v/>
          </cell>
          <cell r="E440" t="str">
            <v/>
          </cell>
          <cell r="J440" t="str">
            <v/>
          </cell>
          <cell r="M440" t="str">
            <v/>
          </cell>
          <cell r="U440" t="str">
            <v/>
          </cell>
          <cell r="X440" t="str">
            <v/>
          </cell>
        </row>
        <row r="441">
          <cell r="A441">
            <v>435</v>
          </cell>
          <cell r="B441" t="str">
            <v/>
          </cell>
          <cell r="C441" t="str">
            <v/>
          </cell>
          <cell r="D441" t="str">
            <v/>
          </cell>
          <cell r="E441" t="str">
            <v/>
          </cell>
          <cell r="J441" t="str">
            <v/>
          </cell>
          <cell r="M441" t="str">
            <v/>
          </cell>
          <cell r="U441" t="str">
            <v/>
          </cell>
          <cell r="X441" t="str">
            <v/>
          </cell>
        </row>
        <row r="442">
          <cell r="A442">
            <v>436</v>
          </cell>
          <cell r="B442" t="str">
            <v/>
          </cell>
          <cell r="C442" t="str">
            <v/>
          </cell>
          <cell r="D442" t="str">
            <v/>
          </cell>
          <cell r="E442" t="str">
            <v/>
          </cell>
          <cell r="J442" t="str">
            <v/>
          </cell>
          <cell r="M442" t="str">
            <v/>
          </cell>
          <cell r="U442" t="str">
            <v/>
          </cell>
          <cell r="X442" t="str">
            <v/>
          </cell>
        </row>
        <row r="443">
          <cell r="A443">
            <v>437</v>
          </cell>
          <cell r="B443" t="str">
            <v/>
          </cell>
          <cell r="C443" t="str">
            <v/>
          </cell>
          <cell r="D443" t="str">
            <v/>
          </cell>
          <cell r="E443" t="str">
            <v/>
          </cell>
          <cell r="J443" t="str">
            <v/>
          </cell>
          <cell r="M443" t="str">
            <v/>
          </cell>
          <cell r="U443" t="str">
            <v/>
          </cell>
          <cell r="X443" t="str">
            <v/>
          </cell>
        </row>
        <row r="444">
          <cell r="A444">
            <v>438</v>
          </cell>
          <cell r="B444" t="str">
            <v/>
          </cell>
          <cell r="C444" t="str">
            <v/>
          </cell>
          <cell r="D444" t="str">
            <v/>
          </cell>
          <cell r="E444" t="str">
            <v/>
          </cell>
          <cell r="J444" t="str">
            <v/>
          </cell>
          <cell r="M444" t="str">
            <v/>
          </cell>
          <cell r="U444" t="str">
            <v/>
          </cell>
          <cell r="X444" t="str">
            <v/>
          </cell>
        </row>
        <row r="445">
          <cell r="A445">
            <v>439</v>
          </cell>
          <cell r="B445" t="str">
            <v/>
          </cell>
          <cell r="C445" t="str">
            <v/>
          </cell>
          <cell r="D445" t="str">
            <v/>
          </cell>
          <cell r="E445" t="str">
            <v/>
          </cell>
          <cell r="J445" t="str">
            <v/>
          </cell>
          <cell r="M445" t="str">
            <v/>
          </cell>
          <cell r="U445" t="str">
            <v/>
          </cell>
          <cell r="X445" t="str">
            <v/>
          </cell>
        </row>
        <row r="446">
          <cell r="A446">
            <v>440</v>
          </cell>
          <cell r="B446" t="str">
            <v/>
          </cell>
          <cell r="C446" t="str">
            <v/>
          </cell>
          <cell r="D446" t="str">
            <v/>
          </cell>
          <cell r="E446" t="str">
            <v/>
          </cell>
          <cell r="J446" t="str">
            <v/>
          </cell>
          <cell r="M446" t="str">
            <v/>
          </cell>
          <cell r="U446" t="str">
            <v/>
          </cell>
          <cell r="X446" t="str">
            <v/>
          </cell>
        </row>
        <row r="447">
          <cell r="A447">
            <v>441</v>
          </cell>
          <cell r="B447" t="str">
            <v/>
          </cell>
          <cell r="C447" t="str">
            <v/>
          </cell>
          <cell r="D447" t="str">
            <v/>
          </cell>
          <cell r="E447" t="str">
            <v/>
          </cell>
          <cell r="J447" t="str">
            <v/>
          </cell>
          <cell r="M447" t="str">
            <v/>
          </cell>
          <cell r="U447" t="str">
            <v/>
          </cell>
          <cell r="X447" t="str">
            <v/>
          </cell>
        </row>
        <row r="448">
          <cell r="A448">
            <v>442</v>
          </cell>
          <cell r="B448" t="str">
            <v/>
          </cell>
          <cell r="C448" t="str">
            <v/>
          </cell>
          <cell r="D448" t="str">
            <v/>
          </cell>
          <cell r="E448" t="str">
            <v/>
          </cell>
          <cell r="J448" t="str">
            <v/>
          </cell>
          <cell r="M448" t="str">
            <v/>
          </cell>
          <cell r="U448" t="str">
            <v/>
          </cell>
          <cell r="X448" t="str">
            <v/>
          </cell>
        </row>
        <row r="449">
          <cell r="A449">
            <v>443</v>
          </cell>
          <cell r="B449" t="str">
            <v/>
          </cell>
          <cell r="C449" t="str">
            <v/>
          </cell>
          <cell r="D449" t="str">
            <v/>
          </cell>
          <cell r="E449" t="str">
            <v/>
          </cell>
          <cell r="J449" t="str">
            <v/>
          </cell>
          <cell r="M449" t="str">
            <v/>
          </cell>
          <cell r="U449" t="str">
            <v/>
          </cell>
          <cell r="X449" t="str">
            <v/>
          </cell>
        </row>
        <row r="450">
          <cell r="A450">
            <v>444</v>
          </cell>
          <cell r="B450" t="str">
            <v/>
          </cell>
          <cell r="C450" t="str">
            <v/>
          </cell>
          <cell r="D450" t="str">
            <v/>
          </cell>
          <cell r="E450" t="str">
            <v/>
          </cell>
          <cell r="J450" t="str">
            <v/>
          </cell>
          <cell r="M450" t="str">
            <v/>
          </cell>
          <cell r="U450" t="str">
            <v/>
          </cell>
          <cell r="X450" t="str">
            <v/>
          </cell>
        </row>
        <row r="451">
          <cell r="A451">
            <v>445</v>
          </cell>
          <cell r="B451" t="str">
            <v/>
          </cell>
          <cell r="C451" t="str">
            <v/>
          </cell>
          <cell r="D451" t="str">
            <v/>
          </cell>
          <cell r="E451" t="str">
            <v/>
          </cell>
          <cell r="J451" t="str">
            <v/>
          </cell>
          <cell r="M451" t="str">
            <v/>
          </cell>
          <cell r="U451" t="str">
            <v/>
          </cell>
          <cell r="X451" t="str">
            <v/>
          </cell>
        </row>
        <row r="452">
          <cell r="A452">
            <v>446</v>
          </cell>
          <cell r="B452" t="str">
            <v/>
          </cell>
          <cell r="C452" t="str">
            <v/>
          </cell>
          <cell r="D452" t="str">
            <v/>
          </cell>
          <cell r="E452" t="str">
            <v/>
          </cell>
          <cell r="J452" t="str">
            <v/>
          </cell>
          <cell r="M452" t="str">
            <v/>
          </cell>
          <cell r="U452" t="str">
            <v/>
          </cell>
          <cell r="X452" t="str">
            <v/>
          </cell>
        </row>
        <row r="453">
          <cell r="A453">
            <v>447</v>
          </cell>
          <cell r="B453" t="str">
            <v/>
          </cell>
          <cell r="C453" t="str">
            <v/>
          </cell>
          <cell r="D453" t="str">
            <v/>
          </cell>
          <cell r="E453" t="str">
            <v/>
          </cell>
          <cell r="J453" t="str">
            <v/>
          </cell>
          <cell r="M453" t="str">
            <v/>
          </cell>
          <cell r="U453" t="str">
            <v/>
          </cell>
          <cell r="X453" t="str">
            <v/>
          </cell>
        </row>
        <row r="454">
          <cell r="A454">
            <v>448</v>
          </cell>
          <cell r="B454" t="str">
            <v/>
          </cell>
          <cell r="C454" t="str">
            <v/>
          </cell>
          <cell r="D454" t="str">
            <v/>
          </cell>
          <cell r="E454" t="str">
            <v/>
          </cell>
          <cell r="J454" t="str">
            <v/>
          </cell>
          <cell r="M454" t="str">
            <v/>
          </cell>
          <cell r="U454" t="str">
            <v/>
          </cell>
          <cell r="X454" t="str">
            <v/>
          </cell>
        </row>
        <row r="455">
          <cell r="A455">
            <v>449</v>
          </cell>
          <cell r="B455" t="str">
            <v/>
          </cell>
          <cell r="C455" t="str">
            <v/>
          </cell>
          <cell r="D455" t="str">
            <v/>
          </cell>
          <cell r="E455" t="str">
            <v/>
          </cell>
          <cell r="J455" t="str">
            <v/>
          </cell>
          <cell r="M455" t="str">
            <v/>
          </cell>
          <cell r="U455" t="str">
            <v/>
          </cell>
          <cell r="X455" t="str">
            <v/>
          </cell>
        </row>
        <row r="456">
          <cell r="A456">
            <v>450</v>
          </cell>
          <cell r="B456" t="str">
            <v/>
          </cell>
          <cell r="C456" t="str">
            <v/>
          </cell>
          <cell r="D456" t="str">
            <v/>
          </cell>
          <cell r="E456" t="str">
            <v/>
          </cell>
          <cell r="J456" t="str">
            <v/>
          </cell>
          <cell r="M456" t="str">
            <v/>
          </cell>
          <cell r="U456" t="str">
            <v/>
          </cell>
          <cell r="X456" t="str">
            <v/>
          </cell>
        </row>
        <row r="457">
          <cell r="A457">
            <v>451</v>
          </cell>
          <cell r="B457" t="str">
            <v/>
          </cell>
          <cell r="C457" t="str">
            <v/>
          </cell>
          <cell r="D457" t="str">
            <v/>
          </cell>
          <cell r="E457" t="str">
            <v/>
          </cell>
          <cell r="J457" t="str">
            <v/>
          </cell>
          <cell r="M457" t="str">
            <v/>
          </cell>
          <cell r="U457" t="str">
            <v/>
          </cell>
          <cell r="X457" t="str">
            <v/>
          </cell>
        </row>
        <row r="458">
          <cell r="A458">
            <v>452</v>
          </cell>
          <cell r="B458" t="str">
            <v/>
          </cell>
          <cell r="C458" t="str">
            <v/>
          </cell>
          <cell r="D458" t="str">
            <v/>
          </cell>
          <cell r="E458" t="str">
            <v/>
          </cell>
          <cell r="J458" t="str">
            <v/>
          </cell>
          <cell r="M458" t="str">
            <v/>
          </cell>
          <cell r="U458" t="str">
            <v/>
          </cell>
          <cell r="X458" t="str">
            <v/>
          </cell>
        </row>
        <row r="459">
          <cell r="A459">
            <v>453</v>
          </cell>
          <cell r="B459" t="str">
            <v/>
          </cell>
          <cell r="C459" t="str">
            <v/>
          </cell>
          <cell r="D459" t="str">
            <v/>
          </cell>
          <cell r="E459" t="str">
            <v/>
          </cell>
          <cell r="J459" t="str">
            <v/>
          </cell>
          <cell r="M459" t="str">
            <v/>
          </cell>
          <cell r="U459" t="str">
            <v/>
          </cell>
          <cell r="X459" t="str">
            <v/>
          </cell>
        </row>
        <row r="460">
          <cell r="A460">
            <v>454</v>
          </cell>
          <cell r="B460" t="str">
            <v/>
          </cell>
          <cell r="C460" t="str">
            <v/>
          </cell>
          <cell r="D460" t="str">
            <v/>
          </cell>
          <cell r="E460" t="str">
            <v/>
          </cell>
          <cell r="J460" t="str">
            <v/>
          </cell>
          <cell r="M460" t="str">
            <v/>
          </cell>
          <cell r="U460" t="str">
            <v/>
          </cell>
          <cell r="X460" t="str">
            <v/>
          </cell>
        </row>
        <row r="461">
          <cell r="A461">
            <v>455</v>
          </cell>
          <cell r="B461" t="str">
            <v/>
          </cell>
          <cell r="C461" t="str">
            <v/>
          </cell>
          <cell r="D461" t="str">
            <v/>
          </cell>
          <cell r="E461" t="str">
            <v/>
          </cell>
          <cell r="J461" t="str">
            <v/>
          </cell>
          <cell r="M461" t="str">
            <v/>
          </cell>
          <cell r="U461" t="str">
            <v/>
          </cell>
          <cell r="X461" t="str">
            <v/>
          </cell>
        </row>
        <row r="462">
          <cell r="A462">
            <v>456</v>
          </cell>
          <cell r="B462" t="str">
            <v/>
          </cell>
          <cell r="C462" t="str">
            <v/>
          </cell>
          <cell r="D462" t="str">
            <v/>
          </cell>
          <cell r="E462" t="str">
            <v/>
          </cell>
          <cell r="J462" t="str">
            <v/>
          </cell>
          <cell r="M462" t="str">
            <v/>
          </cell>
          <cell r="U462" t="str">
            <v/>
          </cell>
          <cell r="X462" t="str">
            <v/>
          </cell>
        </row>
        <row r="463">
          <cell r="A463">
            <v>457</v>
          </cell>
          <cell r="B463" t="str">
            <v/>
          </cell>
          <cell r="C463" t="str">
            <v/>
          </cell>
          <cell r="D463" t="str">
            <v/>
          </cell>
          <cell r="E463" t="str">
            <v/>
          </cell>
          <cell r="J463" t="str">
            <v/>
          </cell>
          <cell r="M463" t="str">
            <v/>
          </cell>
          <cell r="U463" t="str">
            <v/>
          </cell>
          <cell r="X463" t="str">
            <v/>
          </cell>
        </row>
        <row r="464">
          <cell r="A464">
            <v>458</v>
          </cell>
          <cell r="B464" t="str">
            <v/>
          </cell>
          <cell r="C464" t="str">
            <v/>
          </cell>
          <cell r="D464" t="str">
            <v/>
          </cell>
          <cell r="E464" t="str">
            <v/>
          </cell>
          <cell r="J464" t="str">
            <v/>
          </cell>
          <cell r="M464" t="str">
            <v/>
          </cell>
          <cell r="U464" t="str">
            <v/>
          </cell>
          <cell r="X464" t="str">
            <v/>
          </cell>
        </row>
        <row r="465">
          <cell r="A465">
            <v>459</v>
          </cell>
          <cell r="B465" t="str">
            <v/>
          </cell>
          <cell r="C465" t="str">
            <v/>
          </cell>
          <cell r="D465" t="str">
            <v/>
          </cell>
          <cell r="E465" t="str">
            <v/>
          </cell>
          <cell r="J465" t="str">
            <v/>
          </cell>
          <cell r="M465" t="str">
            <v/>
          </cell>
          <cell r="U465" t="str">
            <v/>
          </cell>
          <cell r="X465" t="str">
            <v/>
          </cell>
        </row>
        <row r="466">
          <cell r="A466">
            <v>460</v>
          </cell>
          <cell r="B466" t="str">
            <v/>
          </cell>
          <cell r="C466" t="str">
            <v/>
          </cell>
          <cell r="D466" t="str">
            <v/>
          </cell>
          <cell r="E466" t="str">
            <v/>
          </cell>
          <cell r="J466" t="str">
            <v/>
          </cell>
          <cell r="M466" t="str">
            <v/>
          </cell>
          <cell r="U466" t="str">
            <v/>
          </cell>
          <cell r="X466" t="str">
            <v/>
          </cell>
        </row>
        <row r="467">
          <cell r="A467">
            <v>461</v>
          </cell>
          <cell r="B467" t="str">
            <v/>
          </cell>
          <cell r="C467" t="str">
            <v/>
          </cell>
          <cell r="D467" t="str">
            <v/>
          </cell>
          <cell r="E467" t="str">
            <v/>
          </cell>
          <cell r="J467" t="str">
            <v/>
          </cell>
          <cell r="M467" t="str">
            <v/>
          </cell>
          <cell r="U467" t="str">
            <v/>
          </cell>
          <cell r="X467" t="str">
            <v/>
          </cell>
        </row>
        <row r="468">
          <cell r="A468">
            <v>462</v>
          </cell>
          <cell r="B468" t="str">
            <v/>
          </cell>
          <cell r="C468" t="str">
            <v/>
          </cell>
          <cell r="D468" t="str">
            <v/>
          </cell>
          <cell r="E468" t="str">
            <v/>
          </cell>
          <cell r="J468" t="str">
            <v/>
          </cell>
          <cell r="M468" t="str">
            <v/>
          </cell>
          <cell r="U468" t="str">
            <v/>
          </cell>
          <cell r="X468" t="str">
            <v/>
          </cell>
        </row>
        <row r="469">
          <cell r="A469">
            <v>463</v>
          </cell>
          <cell r="B469" t="str">
            <v/>
          </cell>
          <cell r="C469" t="str">
            <v/>
          </cell>
          <cell r="D469" t="str">
            <v/>
          </cell>
          <cell r="E469" t="str">
            <v/>
          </cell>
          <cell r="J469" t="str">
            <v/>
          </cell>
          <cell r="M469" t="str">
            <v/>
          </cell>
          <cell r="U469" t="str">
            <v/>
          </cell>
          <cell r="X469" t="str">
            <v/>
          </cell>
        </row>
        <row r="470">
          <cell r="A470">
            <v>464</v>
          </cell>
          <cell r="B470" t="str">
            <v/>
          </cell>
          <cell r="C470" t="str">
            <v/>
          </cell>
          <cell r="D470" t="str">
            <v/>
          </cell>
          <cell r="E470" t="str">
            <v/>
          </cell>
          <cell r="J470" t="str">
            <v/>
          </cell>
          <cell r="M470" t="str">
            <v/>
          </cell>
          <cell r="U470" t="str">
            <v/>
          </cell>
          <cell r="X470" t="str">
            <v/>
          </cell>
        </row>
        <row r="471">
          <cell r="A471">
            <v>465</v>
          </cell>
          <cell r="B471" t="str">
            <v/>
          </cell>
          <cell r="C471" t="str">
            <v/>
          </cell>
          <cell r="D471" t="str">
            <v/>
          </cell>
          <cell r="E471" t="str">
            <v/>
          </cell>
          <cell r="J471" t="str">
            <v/>
          </cell>
          <cell r="M471" t="str">
            <v/>
          </cell>
          <cell r="U471" t="str">
            <v/>
          </cell>
          <cell r="X471" t="str">
            <v/>
          </cell>
        </row>
        <row r="472">
          <cell r="A472">
            <v>466</v>
          </cell>
          <cell r="B472" t="str">
            <v/>
          </cell>
          <cell r="C472" t="str">
            <v/>
          </cell>
          <cell r="D472" t="str">
            <v/>
          </cell>
          <cell r="E472" t="str">
            <v/>
          </cell>
          <cell r="J472" t="str">
            <v/>
          </cell>
          <cell r="M472" t="str">
            <v/>
          </cell>
          <cell r="U472" t="str">
            <v/>
          </cell>
          <cell r="X472" t="str">
            <v/>
          </cell>
        </row>
        <row r="473">
          <cell r="A473">
            <v>467</v>
          </cell>
          <cell r="B473" t="str">
            <v/>
          </cell>
          <cell r="C473" t="str">
            <v/>
          </cell>
          <cell r="D473" t="str">
            <v/>
          </cell>
          <cell r="E473" t="str">
            <v/>
          </cell>
          <cell r="J473" t="str">
            <v/>
          </cell>
          <cell r="M473" t="str">
            <v/>
          </cell>
          <cell r="U473" t="str">
            <v/>
          </cell>
          <cell r="X473" t="str">
            <v/>
          </cell>
        </row>
        <row r="474">
          <cell r="A474">
            <v>468</v>
          </cell>
          <cell r="B474" t="str">
            <v/>
          </cell>
          <cell r="C474" t="str">
            <v/>
          </cell>
          <cell r="D474" t="str">
            <v/>
          </cell>
          <cell r="E474" t="str">
            <v/>
          </cell>
          <cell r="J474" t="str">
            <v/>
          </cell>
          <cell r="M474" t="str">
            <v/>
          </cell>
          <cell r="U474" t="str">
            <v/>
          </cell>
          <cell r="X474" t="str">
            <v/>
          </cell>
        </row>
        <row r="475">
          <cell r="A475">
            <v>469</v>
          </cell>
          <cell r="B475" t="str">
            <v/>
          </cell>
          <cell r="C475" t="str">
            <v/>
          </cell>
          <cell r="D475" t="str">
            <v/>
          </cell>
          <cell r="E475" t="str">
            <v/>
          </cell>
          <cell r="J475" t="str">
            <v/>
          </cell>
          <cell r="M475" t="str">
            <v/>
          </cell>
          <cell r="U475" t="str">
            <v/>
          </cell>
          <cell r="X475" t="str">
            <v/>
          </cell>
        </row>
        <row r="476">
          <cell r="A476">
            <v>470</v>
          </cell>
          <cell r="B476" t="str">
            <v/>
          </cell>
          <cell r="C476" t="str">
            <v/>
          </cell>
          <cell r="D476" t="str">
            <v/>
          </cell>
          <cell r="E476" t="str">
            <v/>
          </cell>
          <cell r="J476" t="str">
            <v/>
          </cell>
          <cell r="M476" t="str">
            <v/>
          </cell>
          <cell r="U476" t="str">
            <v/>
          </cell>
          <cell r="X476" t="str">
            <v/>
          </cell>
        </row>
        <row r="477">
          <cell r="A477">
            <v>471</v>
          </cell>
          <cell r="B477" t="str">
            <v/>
          </cell>
          <cell r="C477" t="str">
            <v/>
          </cell>
          <cell r="D477" t="str">
            <v/>
          </cell>
          <cell r="E477" t="str">
            <v/>
          </cell>
          <cell r="J477" t="str">
            <v/>
          </cell>
          <cell r="M477" t="str">
            <v/>
          </cell>
          <cell r="U477" t="str">
            <v/>
          </cell>
          <cell r="X477" t="str">
            <v/>
          </cell>
        </row>
        <row r="478">
          <cell r="A478">
            <v>472</v>
          </cell>
          <cell r="B478" t="str">
            <v/>
          </cell>
          <cell r="C478" t="str">
            <v/>
          </cell>
          <cell r="D478" t="str">
            <v/>
          </cell>
          <cell r="E478" t="str">
            <v/>
          </cell>
          <cell r="J478" t="str">
            <v/>
          </cell>
          <cell r="M478" t="str">
            <v/>
          </cell>
          <cell r="U478" t="str">
            <v/>
          </cell>
          <cell r="X478" t="str">
            <v/>
          </cell>
        </row>
        <row r="479">
          <cell r="A479">
            <v>473</v>
          </cell>
          <cell r="B479" t="str">
            <v/>
          </cell>
          <cell r="C479" t="str">
            <v/>
          </cell>
          <cell r="D479" t="str">
            <v/>
          </cell>
          <cell r="E479" t="str">
            <v/>
          </cell>
          <cell r="J479" t="str">
            <v/>
          </cell>
          <cell r="M479" t="str">
            <v/>
          </cell>
          <cell r="U479" t="str">
            <v/>
          </cell>
          <cell r="X479" t="str">
            <v/>
          </cell>
        </row>
        <row r="480">
          <cell r="A480">
            <v>474</v>
          </cell>
          <cell r="B480" t="str">
            <v/>
          </cell>
          <cell r="C480" t="str">
            <v/>
          </cell>
          <cell r="D480" t="str">
            <v/>
          </cell>
          <cell r="E480" t="str">
            <v/>
          </cell>
          <cell r="J480" t="str">
            <v/>
          </cell>
          <cell r="M480" t="str">
            <v/>
          </cell>
          <cell r="U480" t="str">
            <v/>
          </cell>
          <cell r="X480" t="str">
            <v/>
          </cell>
        </row>
        <row r="481">
          <cell r="A481">
            <v>475</v>
          </cell>
          <cell r="B481" t="str">
            <v/>
          </cell>
          <cell r="C481" t="str">
            <v/>
          </cell>
          <cell r="D481" t="str">
            <v/>
          </cell>
          <cell r="E481" t="str">
            <v/>
          </cell>
          <cell r="J481" t="str">
            <v/>
          </cell>
          <cell r="M481" t="str">
            <v/>
          </cell>
          <cell r="U481" t="str">
            <v/>
          </cell>
          <cell r="X481" t="str">
            <v/>
          </cell>
        </row>
        <row r="482">
          <cell r="A482">
            <v>476</v>
          </cell>
          <cell r="B482" t="str">
            <v/>
          </cell>
          <cell r="C482" t="str">
            <v/>
          </cell>
          <cell r="D482" t="str">
            <v/>
          </cell>
          <cell r="E482" t="str">
            <v/>
          </cell>
          <cell r="J482" t="str">
            <v/>
          </cell>
          <cell r="M482" t="str">
            <v/>
          </cell>
          <cell r="U482" t="str">
            <v/>
          </cell>
          <cell r="X482" t="str">
            <v/>
          </cell>
        </row>
        <row r="483">
          <cell r="A483">
            <v>477</v>
          </cell>
          <cell r="B483" t="str">
            <v/>
          </cell>
          <cell r="C483" t="str">
            <v/>
          </cell>
          <cell r="D483" t="str">
            <v/>
          </cell>
          <cell r="E483" t="str">
            <v/>
          </cell>
          <cell r="J483" t="str">
            <v/>
          </cell>
          <cell r="M483" t="str">
            <v/>
          </cell>
          <cell r="U483" t="str">
            <v/>
          </cell>
          <cell r="X483" t="str">
            <v/>
          </cell>
        </row>
        <row r="484">
          <cell r="A484">
            <v>478</v>
          </cell>
          <cell r="B484" t="str">
            <v/>
          </cell>
          <cell r="C484" t="str">
            <v/>
          </cell>
          <cell r="D484" t="str">
            <v/>
          </cell>
          <cell r="E484" t="str">
            <v/>
          </cell>
          <cell r="J484" t="str">
            <v/>
          </cell>
          <cell r="M484" t="str">
            <v/>
          </cell>
          <cell r="U484" t="str">
            <v/>
          </cell>
          <cell r="X484" t="str">
            <v/>
          </cell>
        </row>
        <row r="485">
          <cell r="A485">
            <v>479</v>
          </cell>
          <cell r="B485" t="str">
            <v/>
          </cell>
          <cell r="C485" t="str">
            <v/>
          </cell>
          <cell r="D485" t="str">
            <v/>
          </cell>
          <cell r="E485" t="str">
            <v/>
          </cell>
          <cell r="J485" t="str">
            <v/>
          </cell>
          <cell r="M485" t="str">
            <v/>
          </cell>
          <cell r="U485" t="str">
            <v/>
          </cell>
          <cell r="X485" t="str">
            <v/>
          </cell>
        </row>
        <row r="486">
          <cell r="A486">
            <v>480</v>
          </cell>
          <cell r="B486" t="str">
            <v/>
          </cell>
          <cell r="C486" t="str">
            <v/>
          </cell>
          <cell r="D486" t="str">
            <v/>
          </cell>
          <cell r="E486" t="str">
            <v/>
          </cell>
          <cell r="J486" t="str">
            <v/>
          </cell>
          <cell r="M486" t="str">
            <v/>
          </cell>
          <cell r="U486" t="str">
            <v/>
          </cell>
          <cell r="X486" t="str">
            <v/>
          </cell>
        </row>
        <row r="487">
          <cell r="A487">
            <v>481</v>
          </cell>
          <cell r="B487" t="str">
            <v/>
          </cell>
          <cell r="C487" t="str">
            <v/>
          </cell>
          <cell r="D487" t="str">
            <v/>
          </cell>
          <cell r="E487" t="str">
            <v/>
          </cell>
          <cell r="J487" t="str">
            <v/>
          </cell>
          <cell r="M487" t="str">
            <v/>
          </cell>
          <cell r="U487" t="str">
            <v/>
          </cell>
          <cell r="X487" t="str">
            <v/>
          </cell>
        </row>
        <row r="488">
          <cell r="A488">
            <v>482</v>
          </cell>
          <cell r="B488" t="str">
            <v/>
          </cell>
          <cell r="C488" t="str">
            <v/>
          </cell>
          <cell r="D488" t="str">
            <v/>
          </cell>
          <cell r="E488" t="str">
            <v/>
          </cell>
          <cell r="J488" t="str">
            <v/>
          </cell>
          <cell r="M488" t="str">
            <v/>
          </cell>
          <cell r="U488" t="str">
            <v/>
          </cell>
          <cell r="X488" t="str">
            <v/>
          </cell>
        </row>
        <row r="489">
          <cell r="A489">
            <v>483</v>
          </cell>
          <cell r="B489" t="str">
            <v/>
          </cell>
          <cell r="C489" t="str">
            <v/>
          </cell>
          <cell r="D489" t="str">
            <v/>
          </cell>
          <cell r="E489" t="str">
            <v/>
          </cell>
          <cell r="J489" t="str">
            <v/>
          </cell>
          <cell r="M489" t="str">
            <v/>
          </cell>
          <cell r="U489" t="str">
            <v/>
          </cell>
          <cell r="X489" t="str">
            <v/>
          </cell>
        </row>
        <row r="490">
          <cell r="A490">
            <v>484</v>
          </cell>
          <cell r="B490" t="str">
            <v/>
          </cell>
          <cell r="C490" t="str">
            <v/>
          </cell>
          <cell r="D490" t="str">
            <v/>
          </cell>
          <cell r="E490" t="str">
            <v/>
          </cell>
          <cell r="J490" t="str">
            <v/>
          </cell>
          <cell r="M490" t="str">
            <v/>
          </cell>
          <cell r="U490" t="str">
            <v/>
          </cell>
          <cell r="X490" t="str">
            <v/>
          </cell>
        </row>
        <row r="491">
          <cell r="A491">
            <v>485</v>
          </cell>
          <cell r="B491" t="str">
            <v/>
          </cell>
          <cell r="C491" t="str">
            <v/>
          </cell>
          <cell r="D491" t="str">
            <v/>
          </cell>
          <cell r="E491" t="str">
            <v/>
          </cell>
          <cell r="J491" t="str">
            <v/>
          </cell>
          <cell r="M491" t="str">
            <v/>
          </cell>
          <cell r="U491" t="str">
            <v/>
          </cell>
          <cell r="X491" t="str">
            <v/>
          </cell>
        </row>
        <row r="492">
          <cell r="A492">
            <v>486</v>
          </cell>
          <cell r="B492" t="str">
            <v/>
          </cell>
          <cell r="C492" t="str">
            <v/>
          </cell>
          <cell r="D492" t="str">
            <v/>
          </cell>
          <cell r="E492" t="str">
            <v/>
          </cell>
          <cell r="J492" t="str">
            <v/>
          </cell>
          <cell r="M492" t="str">
            <v/>
          </cell>
          <cell r="U492" t="str">
            <v/>
          </cell>
          <cell r="X492" t="str">
            <v/>
          </cell>
        </row>
        <row r="493">
          <cell r="A493">
            <v>487</v>
          </cell>
          <cell r="B493" t="str">
            <v/>
          </cell>
          <cell r="C493" t="str">
            <v/>
          </cell>
          <cell r="D493" t="str">
            <v/>
          </cell>
          <cell r="E493" t="str">
            <v/>
          </cell>
          <cell r="J493" t="str">
            <v/>
          </cell>
          <cell r="M493" t="str">
            <v/>
          </cell>
          <cell r="U493" t="str">
            <v/>
          </cell>
          <cell r="X493" t="str">
            <v/>
          </cell>
        </row>
        <row r="494">
          <cell r="A494">
            <v>488</v>
          </cell>
          <cell r="B494" t="str">
            <v/>
          </cell>
          <cell r="C494" t="str">
            <v/>
          </cell>
          <cell r="D494" t="str">
            <v/>
          </cell>
          <cell r="E494" t="str">
            <v/>
          </cell>
          <cell r="J494" t="str">
            <v/>
          </cell>
          <cell r="M494" t="str">
            <v/>
          </cell>
          <cell r="U494" t="str">
            <v/>
          </cell>
          <cell r="X494" t="str">
            <v/>
          </cell>
        </row>
        <row r="495">
          <cell r="A495">
            <v>489</v>
          </cell>
          <cell r="B495" t="str">
            <v/>
          </cell>
          <cell r="C495" t="str">
            <v/>
          </cell>
          <cell r="D495" t="str">
            <v/>
          </cell>
          <cell r="E495" t="str">
            <v/>
          </cell>
          <cell r="J495" t="str">
            <v/>
          </cell>
          <cell r="M495" t="str">
            <v/>
          </cell>
          <cell r="U495" t="str">
            <v/>
          </cell>
          <cell r="X495" t="str">
            <v/>
          </cell>
        </row>
        <row r="496">
          <cell r="A496">
            <v>490</v>
          </cell>
          <cell r="B496" t="str">
            <v/>
          </cell>
          <cell r="C496" t="str">
            <v/>
          </cell>
          <cell r="D496" t="str">
            <v/>
          </cell>
          <cell r="E496" t="str">
            <v/>
          </cell>
          <cell r="J496" t="str">
            <v/>
          </cell>
          <cell r="M496" t="str">
            <v/>
          </cell>
          <cell r="U496" t="str">
            <v/>
          </cell>
          <cell r="X496" t="str">
            <v/>
          </cell>
        </row>
        <row r="497">
          <cell r="A497">
            <v>491</v>
          </cell>
          <cell r="B497" t="str">
            <v/>
          </cell>
          <cell r="C497" t="str">
            <v/>
          </cell>
          <cell r="D497" t="str">
            <v/>
          </cell>
          <cell r="E497" t="str">
            <v/>
          </cell>
          <cell r="J497" t="str">
            <v/>
          </cell>
          <cell r="M497" t="str">
            <v/>
          </cell>
          <cell r="U497" t="str">
            <v/>
          </cell>
          <cell r="X497" t="str">
            <v/>
          </cell>
        </row>
        <row r="498">
          <cell r="A498">
            <v>492</v>
          </cell>
          <cell r="B498" t="str">
            <v/>
          </cell>
          <cell r="C498" t="str">
            <v/>
          </cell>
          <cell r="D498" t="str">
            <v/>
          </cell>
          <cell r="E498" t="str">
            <v/>
          </cell>
          <cell r="J498" t="str">
            <v/>
          </cell>
          <cell r="M498" t="str">
            <v/>
          </cell>
          <cell r="U498" t="str">
            <v/>
          </cell>
          <cell r="X498" t="str">
            <v/>
          </cell>
        </row>
        <row r="499">
          <cell r="A499">
            <v>493</v>
          </cell>
          <cell r="B499" t="str">
            <v/>
          </cell>
          <cell r="C499" t="str">
            <v/>
          </cell>
          <cell r="D499" t="str">
            <v/>
          </cell>
          <cell r="E499" t="str">
            <v/>
          </cell>
          <cell r="J499" t="str">
            <v/>
          </cell>
          <cell r="M499" t="str">
            <v/>
          </cell>
          <cell r="U499" t="str">
            <v/>
          </cell>
          <cell r="X499" t="str">
            <v/>
          </cell>
        </row>
        <row r="500">
          <cell r="A500">
            <v>494</v>
          </cell>
          <cell r="B500" t="str">
            <v/>
          </cell>
          <cell r="C500" t="str">
            <v/>
          </cell>
          <cell r="D500" t="str">
            <v/>
          </cell>
          <cell r="E500" t="str">
            <v/>
          </cell>
          <cell r="J500" t="str">
            <v/>
          </cell>
          <cell r="M500" t="str">
            <v/>
          </cell>
          <cell r="U500" t="str">
            <v/>
          </cell>
          <cell r="X500" t="str">
            <v/>
          </cell>
        </row>
        <row r="501">
          <cell r="A501">
            <v>495</v>
          </cell>
          <cell r="B501" t="str">
            <v/>
          </cell>
          <cell r="C501" t="str">
            <v/>
          </cell>
          <cell r="D501" t="str">
            <v/>
          </cell>
          <cell r="E501" t="str">
            <v/>
          </cell>
          <cell r="J501" t="str">
            <v/>
          </cell>
          <cell r="M501" t="str">
            <v/>
          </cell>
          <cell r="U501" t="str">
            <v/>
          </cell>
          <cell r="X501" t="str">
            <v/>
          </cell>
        </row>
        <row r="502">
          <cell r="A502">
            <v>496</v>
          </cell>
          <cell r="B502" t="str">
            <v/>
          </cell>
          <cell r="C502" t="str">
            <v/>
          </cell>
          <cell r="D502" t="str">
            <v/>
          </cell>
          <cell r="E502" t="str">
            <v/>
          </cell>
          <cell r="J502" t="str">
            <v/>
          </cell>
          <cell r="M502" t="str">
            <v/>
          </cell>
          <cell r="U502" t="str">
            <v/>
          </cell>
          <cell r="X502" t="str">
            <v/>
          </cell>
        </row>
        <row r="503">
          <cell r="A503">
            <v>497</v>
          </cell>
          <cell r="B503" t="str">
            <v/>
          </cell>
          <cell r="C503" t="str">
            <v/>
          </cell>
          <cell r="D503" t="str">
            <v/>
          </cell>
          <cell r="E503" t="str">
            <v/>
          </cell>
          <cell r="J503" t="str">
            <v/>
          </cell>
          <cell r="M503" t="str">
            <v/>
          </cell>
          <cell r="U503" t="str">
            <v/>
          </cell>
          <cell r="X503" t="str">
            <v/>
          </cell>
        </row>
        <row r="504">
          <cell r="A504">
            <v>498</v>
          </cell>
          <cell r="B504" t="str">
            <v/>
          </cell>
          <cell r="C504" t="str">
            <v/>
          </cell>
          <cell r="D504" t="str">
            <v/>
          </cell>
          <cell r="E504" t="str">
            <v/>
          </cell>
          <cell r="J504" t="str">
            <v/>
          </cell>
          <cell r="M504" t="str">
            <v/>
          </cell>
          <cell r="U504" t="str">
            <v/>
          </cell>
          <cell r="X504" t="str">
            <v/>
          </cell>
        </row>
        <row r="505">
          <cell r="A505">
            <v>499</v>
          </cell>
          <cell r="B505" t="str">
            <v/>
          </cell>
          <cell r="C505" t="str">
            <v/>
          </cell>
          <cell r="D505" t="str">
            <v/>
          </cell>
          <cell r="E505" t="str">
            <v/>
          </cell>
          <cell r="J505" t="str">
            <v/>
          </cell>
          <cell r="M505" t="str">
            <v/>
          </cell>
          <cell r="U505" t="str">
            <v/>
          </cell>
          <cell r="X505" t="str">
            <v/>
          </cell>
        </row>
        <row r="506">
          <cell r="A506">
            <v>500</v>
          </cell>
          <cell r="B506" t="str">
            <v/>
          </cell>
          <cell r="C506" t="str">
            <v/>
          </cell>
          <cell r="D506" t="str">
            <v/>
          </cell>
          <cell r="E506" t="str">
            <v/>
          </cell>
          <cell r="J506" t="str">
            <v/>
          </cell>
          <cell r="M506" t="str">
            <v/>
          </cell>
          <cell r="U506" t="str">
            <v/>
          </cell>
          <cell r="X506" t="str">
            <v/>
          </cell>
        </row>
        <row r="507">
          <cell r="A507">
            <v>501</v>
          </cell>
          <cell r="B507" t="str">
            <v/>
          </cell>
          <cell r="C507" t="str">
            <v/>
          </cell>
          <cell r="D507" t="str">
            <v/>
          </cell>
          <cell r="E507" t="str">
            <v/>
          </cell>
          <cell r="J507" t="str">
            <v/>
          </cell>
          <cell r="M507" t="str">
            <v/>
          </cell>
          <cell r="U507" t="str">
            <v/>
          </cell>
          <cell r="X507" t="str">
            <v/>
          </cell>
        </row>
        <row r="508">
          <cell r="A508">
            <v>502</v>
          </cell>
          <cell r="B508" t="str">
            <v/>
          </cell>
          <cell r="C508" t="str">
            <v/>
          </cell>
          <cell r="D508" t="str">
            <v/>
          </cell>
          <cell r="E508" t="str">
            <v/>
          </cell>
          <cell r="J508" t="str">
            <v/>
          </cell>
          <cell r="M508" t="str">
            <v/>
          </cell>
          <cell r="U508" t="str">
            <v/>
          </cell>
          <cell r="X508" t="str">
            <v/>
          </cell>
        </row>
        <row r="509">
          <cell r="A509">
            <v>503</v>
          </cell>
          <cell r="B509" t="str">
            <v/>
          </cell>
          <cell r="C509" t="str">
            <v/>
          </cell>
          <cell r="D509" t="str">
            <v/>
          </cell>
          <cell r="E509" t="str">
            <v/>
          </cell>
          <cell r="J509" t="str">
            <v/>
          </cell>
          <cell r="M509" t="str">
            <v/>
          </cell>
          <cell r="U509" t="str">
            <v/>
          </cell>
          <cell r="X509" t="str">
            <v/>
          </cell>
        </row>
        <row r="510">
          <cell r="A510">
            <v>504</v>
          </cell>
          <cell r="B510" t="str">
            <v/>
          </cell>
          <cell r="C510" t="str">
            <v/>
          </cell>
          <cell r="D510" t="str">
            <v/>
          </cell>
          <cell r="E510" t="str">
            <v/>
          </cell>
          <cell r="J510" t="str">
            <v/>
          </cell>
          <cell r="M510" t="str">
            <v/>
          </cell>
          <cell r="U510" t="str">
            <v/>
          </cell>
          <cell r="X510" t="str">
            <v/>
          </cell>
        </row>
        <row r="511">
          <cell r="A511">
            <v>505</v>
          </cell>
          <cell r="B511" t="str">
            <v/>
          </cell>
          <cell r="C511" t="str">
            <v/>
          </cell>
          <cell r="D511" t="str">
            <v/>
          </cell>
          <cell r="E511" t="str">
            <v/>
          </cell>
          <cell r="J511" t="str">
            <v/>
          </cell>
          <cell r="M511" t="str">
            <v/>
          </cell>
          <cell r="U511" t="str">
            <v/>
          </cell>
          <cell r="X511" t="str">
            <v/>
          </cell>
        </row>
        <row r="512">
          <cell r="A512">
            <v>506</v>
          </cell>
          <cell r="B512" t="str">
            <v/>
          </cell>
          <cell r="C512" t="str">
            <v/>
          </cell>
          <cell r="D512" t="str">
            <v/>
          </cell>
          <cell r="E512" t="str">
            <v/>
          </cell>
          <cell r="J512" t="str">
            <v/>
          </cell>
          <cell r="M512" t="str">
            <v/>
          </cell>
          <cell r="U512" t="str">
            <v/>
          </cell>
          <cell r="X512" t="str">
            <v/>
          </cell>
        </row>
        <row r="513">
          <cell r="A513">
            <v>507</v>
          </cell>
          <cell r="B513" t="str">
            <v/>
          </cell>
          <cell r="C513" t="str">
            <v/>
          </cell>
          <cell r="D513" t="str">
            <v/>
          </cell>
          <cell r="E513" t="str">
            <v/>
          </cell>
          <cell r="J513" t="str">
            <v/>
          </cell>
          <cell r="M513" t="str">
            <v/>
          </cell>
          <cell r="U513" t="str">
            <v/>
          </cell>
          <cell r="X513" t="str">
            <v/>
          </cell>
        </row>
        <row r="514">
          <cell r="A514">
            <v>508</v>
          </cell>
          <cell r="B514" t="str">
            <v/>
          </cell>
          <cell r="C514" t="str">
            <v/>
          </cell>
          <cell r="D514" t="str">
            <v/>
          </cell>
          <cell r="E514" t="str">
            <v/>
          </cell>
          <cell r="J514" t="str">
            <v/>
          </cell>
          <cell r="M514" t="str">
            <v/>
          </cell>
          <cell r="U514" t="str">
            <v/>
          </cell>
          <cell r="X514" t="str">
            <v/>
          </cell>
        </row>
        <row r="515">
          <cell r="A515">
            <v>509</v>
          </cell>
          <cell r="B515" t="str">
            <v/>
          </cell>
          <cell r="C515" t="str">
            <v/>
          </cell>
          <cell r="D515" t="str">
            <v/>
          </cell>
          <cell r="E515" t="str">
            <v/>
          </cell>
          <cell r="J515" t="str">
            <v/>
          </cell>
          <cell r="M515" t="str">
            <v/>
          </cell>
          <cell r="U515" t="str">
            <v/>
          </cell>
          <cell r="X515" t="str">
            <v/>
          </cell>
        </row>
        <row r="516">
          <cell r="A516">
            <v>510</v>
          </cell>
          <cell r="B516" t="str">
            <v/>
          </cell>
          <cell r="C516" t="str">
            <v/>
          </cell>
          <cell r="D516" t="str">
            <v/>
          </cell>
          <cell r="E516" t="str">
            <v/>
          </cell>
          <cell r="J516" t="str">
            <v/>
          </cell>
          <cell r="M516" t="str">
            <v/>
          </cell>
          <cell r="U516" t="str">
            <v/>
          </cell>
          <cell r="X516" t="str">
            <v/>
          </cell>
        </row>
        <row r="517">
          <cell r="A517">
            <v>511</v>
          </cell>
          <cell r="B517" t="str">
            <v/>
          </cell>
          <cell r="C517" t="str">
            <v/>
          </cell>
          <cell r="D517" t="str">
            <v/>
          </cell>
          <cell r="E517" t="str">
            <v/>
          </cell>
          <cell r="J517" t="str">
            <v/>
          </cell>
          <cell r="M517" t="str">
            <v/>
          </cell>
          <cell r="U517" t="str">
            <v/>
          </cell>
          <cell r="X517" t="str">
            <v/>
          </cell>
        </row>
        <row r="518">
          <cell r="A518">
            <v>512</v>
          </cell>
          <cell r="B518" t="str">
            <v/>
          </cell>
          <cell r="C518" t="str">
            <v/>
          </cell>
          <cell r="D518" t="str">
            <v/>
          </cell>
          <cell r="E518" t="str">
            <v/>
          </cell>
          <cell r="J518" t="str">
            <v/>
          </cell>
          <cell r="M518" t="str">
            <v/>
          </cell>
          <cell r="U518" t="str">
            <v/>
          </cell>
          <cell r="X518" t="str">
            <v/>
          </cell>
        </row>
        <row r="519">
          <cell r="A519">
            <v>513</v>
          </cell>
          <cell r="B519" t="str">
            <v/>
          </cell>
          <cell r="C519" t="str">
            <v/>
          </cell>
          <cell r="D519" t="str">
            <v/>
          </cell>
          <cell r="E519" t="str">
            <v/>
          </cell>
          <cell r="J519" t="str">
            <v/>
          </cell>
          <cell r="M519" t="str">
            <v/>
          </cell>
          <cell r="U519" t="str">
            <v/>
          </cell>
          <cell r="X519" t="str">
            <v/>
          </cell>
        </row>
        <row r="520">
          <cell r="A520">
            <v>514</v>
          </cell>
          <cell r="B520" t="str">
            <v/>
          </cell>
          <cell r="C520" t="str">
            <v/>
          </cell>
          <cell r="D520" t="str">
            <v/>
          </cell>
          <cell r="E520" t="str">
            <v/>
          </cell>
          <cell r="J520" t="str">
            <v/>
          </cell>
          <cell r="M520" t="str">
            <v/>
          </cell>
          <cell r="U520" t="str">
            <v/>
          </cell>
          <cell r="X520" t="str">
            <v/>
          </cell>
        </row>
        <row r="521">
          <cell r="A521">
            <v>515</v>
          </cell>
          <cell r="B521" t="str">
            <v/>
          </cell>
          <cell r="C521" t="str">
            <v/>
          </cell>
          <cell r="D521" t="str">
            <v/>
          </cell>
          <cell r="E521" t="str">
            <v/>
          </cell>
          <cell r="J521" t="str">
            <v/>
          </cell>
          <cell r="M521" t="str">
            <v/>
          </cell>
          <cell r="U521" t="str">
            <v/>
          </cell>
          <cell r="X521" t="str">
            <v/>
          </cell>
        </row>
        <row r="522">
          <cell r="A522">
            <v>516</v>
          </cell>
          <cell r="B522" t="str">
            <v/>
          </cell>
          <cell r="C522" t="str">
            <v/>
          </cell>
          <cell r="D522" t="str">
            <v/>
          </cell>
          <cell r="E522" t="str">
            <v/>
          </cell>
          <cell r="J522" t="str">
            <v/>
          </cell>
          <cell r="M522" t="str">
            <v/>
          </cell>
          <cell r="U522" t="str">
            <v/>
          </cell>
          <cell r="X522" t="str">
            <v/>
          </cell>
        </row>
        <row r="523">
          <cell r="A523">
            <v>517</v>
          </cell>
          <cell r="B523" t="str">
            <v/>
          </cell>
          <cell r="C523" t="str">
            <v/>
          </cell>
          <cell r="D523" t="str">
            <v/>
          </cell>
          <cell r="E523" t="str">
            <v/>
          </cell>
          <cell r="J523" t="str">
            <v/>
          </cell>
          <cell r="M523" t="str">
            <v/>
          </cell>
          <cell r="U523" t="str">
            <v/>
          </cell>
          <cell r="X523" t="str">
            <v/>
          </cell>
        </row>
        <row r="524">
          <cell r="A524">
            <v>518</v>
          </cell>
          <cell r="B524" t="str">
            <v/>
          </cell>
          <cell r="C524" t="str">
            <v/>
          </cell>
          <cell r="D524" t="str">
            <v/>
          </cell>
          <cell r="E524" t="str">
            <v/>
          </cell>
          <cell r="J524" t="str">
            <v/>
          </cell>
          <cell r="M524" t="str">
            <v/>
          </cell>
          <cell r="U524" t="str">
            <v/>
          </cell>
          <cell r="X524" t="str">
            <v/>
          </cell>
        </row>
        <row r="525">
          <cell r="A525">
            <v>519</v>
          </cell>
          <cell r="B525" t="str">
            <v/>
          </cell>
          <cell r="C525" t="str">
            <v/>
          </cell>
          <cell r="D525" t="str">
            <v/>
          </cell>
          <cell r="E525" t="str">
            <v/>
          </cell>
          <cell r="J525" t="str">
            <v/>
          </cell>
          <cell r="M525" t="str">
            <v/>
          </cell>
          <cell r="U525" t="str">
            <v/>
          </cell>
          <cell r="X525" t="str">
            <v/>
          </cell>
        </row>
        <row r="526">
          <cell r="A526">
            <v>520</v>
          </cell>
          <cell r="B526" t="str">
            <v/>
          </cell>
          <cell r="C526" t="str">
            <v/>
          </cell>
          <cell r="D526" t="str">
            <v/>
          </cell>
          <cell r="E526" t="str">
            <v/>
          </cell>
          <cell r="J526" t="str">
            <v/>
          </cell>
          <cell r="M526" t="str">
            <v/>
          </cell>
          <cell r="U526" t="str">
            <v/>
          </cell>
          <cell r="X526" t="str">
            <v/>
          </cell>
        </row>
        <row r="527">
          <cell r="A527">
            <v>521</v>
          </cell>
          <cell r="B527" t="str">
            <v/>
          </cell>
          <cell r="C527" t="str">
            <v/>
          </cell>
          <cell r="D527" t="str">
            <v/>
          </cell>
          <cell r="E527" t="str">
            <v/>
          </cell>
          <cell r="J527" t="str">
            <v/>
          </cell>
          <cell r="M527" t="str">
            <v/>
          </cell>
          <cell r="U527" t="str">
            <v/>
          </cell>
          <cell r="X527" t="str">
            <v/>
          </cell>
        </row>
        <row r="528">
          <cell r="A528">
            <v>522</v>
          </cell>
          <cell r="B528" t="str">
            <v/>
          </cell>
          <cell r="C528" t="str">
            <v/>
          </cell>
          <cell r="D528" t="str">
            <v/>
          </cell>
          <cell r="E528" t="str">
            <v/>
          </cell>
          <cell r="J528" t="str">
            <v/>
          </cell>
          <cell r="M528" t="str">
            <v/>
          </cell>
          <cell r="U528" t="str">
            <v/>
          </cell>
          <cell r="X528" t="str">
            <v/>
          </cell>
        </row>
        <row r="529">
          <cell r="A529">
            <v>523</v>
          </cell>
          <cell r="B529" t="str">
            <v/>
          </cell>
          <cell r="C529" t="str">
            <v/>
          </cell>
          <cell r="D529" t="str">
            <v/>
          </cell>
          <cell r="E529" t="str">
            <v/>
          </cell>
          <cell r="J529" t="str">
            <v/>
          </cell>
          <cell r="M529" t="str">
            <v/>
          </cell>
          <cell r="U529" t="str">
            <v/>
          </cell>
          <cell r="X529" t="str">
            <v/>
          </cell>
        </row>
        <row r="530">
          <cell r="A530">
            <v>524</v>
          </cell>
          <cell r="B530" t="str">
            <v/>
          </cell>
          <cell r="C530" t="str">
            <v/>
          </cell>
          <cell r="D530" t="str">
            <v/>
          </cell>
          <cell r="E530" t="str">
            <v/>
          </cell>
          <cell r="J530" t="str">
            <v/>
          </cell>
          <cell r="M530" t="str">
            <v/>
          </cell>
          <cell r="U530" t="str">
            <v/>
          </cell>
          <cell r="X530" t="str">
            <v/>
          </cell>
        </row>
        <row r="531">
          <cell r="A531">
            <v>525</v>
          </cell>
          <cell r="B531" t="str">
            <v/>
          </cell>
          <cell r="C531" t="str">
            <v/>
          </cell>
          <cell r="D531" t="str">
            <v/>
          </cell>
          <cell r="E531" t="str">
            <v/>
          </cell>
          <cell r="J531" t="str">
            <v/>
          </cell>
          <cell r="M531" t="str">
            <v/>
          </cell>
          <cell r="U531" t="str">
            <v/>
          </cell>
          <cell r="X531" t="str">
            <v/>
          </cell>
        </row>
        <row r="532">
          <cell r="A532">
            <v>526</v>
          </cell>
          <cell r="B532" t="str">
            <v/>
          </cell>
          <cell r="C532" t="str">
            <v/>
          </cell>
          <cell r="D532" t="str">
            <v/>
          </cell>
          <cell r="E532" t="str">
            <v/>
          </cell>
          <cell r="J532" t="str">
            <v/>
          </cell>
          <cell r="M532" t="str">
            <v/>
          </cell>
          <cell r="U532" t="str">
            <v/>
          </cell>
          <cell r="X532" t="str">
            <v/>
          </cell>
        </row>
        <row r="533">
          <cell r="A533">
            <v>527</v>
          </cell>
          <cell r="B533" t="str">
            <v/>
          </cell>
          <cell r="C533" t="str">
            <v/>
          </cell>
          <cell r="D533" t="str">
            <v/>
          </cell>
          <cell r="E533" t="str">
            <v/>
          </cell>
          <cell r="J533" t="str">
            <v/>
          </cell>
          <cell r="M533" t="str">
            <v/>
          </cell>
          <cell r="U533" t="str">
            <v/>
          </cell>
          <cell r="X533" t="str">
            <v/>
          </cell>
        </row>
        <row r="534">
          <cell r="A534">
            <v>528</v>
          </cell>
          <cell r="B534" t="str">
            <v/>
          </cell>
          <cell r="C534" t="str">
            <v/>
          </cell>
          <cell r="D534" t="str">
            <v/>
          </cell>
          <cell r="E534" t="str">
            <v/>
          </cell>
          <cell r="J534" t="str">
            <v/>
          </cell>
          <cell r="M534" t="str">
            <v/>
          </cell>
          <cell r="U534" t="str">
            <v/>
          </cell>
          <cell r="X534" t="str">
            <v/>
          </cell>
        </row>
        <row r="535">
          <cell r="A535">
            <v>529</v>
          </cell>
          <cell r="B535" t="str">
            <v/>
          </cell>
          <cell r="C535" t="str">
            <v/>
          </cell>
          <cell r="D535" t="str">
            <v/>
          </cell>
          <cell r="E535" t="str">
            <v/>
          </cell>
          <cell r="J535" t="str">
            <v/>
          </cell>
          <cell r="M535" t="str">
            <v/>
          </cell>
          <cell r="U535" t="str">
            <v/>
          </cell>
          <cell r="X535" t="str">
            <v/>
          </cell>
        </row>
        <row r="536">
          <cell r="A536">
            <v>530</v>
          </cell>
          <cell r="B536" t="str">
            <v/>
          </cell>
          <cell r="C536" t="str">
            <v/>
          </cell>
          <cell r="D536" t="str">
            <v/>
          </cell>
          <cell r="E536" t="str">
            <v/>
          </cell>
          <cell r="J536" t="str">
            <v/>
          </cell>
          <cell r="M536" t="str">
            <v/>
          </cell>
          <cell r="U536" t="str">
            <v/>
          </cell>
          <cell r="X536" t="str">
            <v/>
          </cell>
        </row>
        <row r="537">
          <cell r="A537">
            <v>531</v>
          </cell>
          <cell r="B537" t="str">
            <v/>
          </cell>
          <cell r="C537" t="str">
            <v/>
          </cell>
          <cell r="D537" t="str">
            <v/>
          </cell>
          <cell r="E537" t="str">
            <v/>
          </cell>
          <cell r="J537" t="str">
            <v/>
          </cell>
          <cell r="M537" t="str">
            <v/>
          </cell>
          <cell r="U537" t="str">
            <v/>
          </cell>
          <cell r="X537" t="str">
            <v/>
          </cell>
        </row>
        <row r="538">
          <cell r="A538">
            <v>532</v>
          </cell>
          <cell r="B538" t="str">
            <v/>
          </cell>
          <cell r="C538" t="str">
            <v/>
          </cell>
          <cell r="D538" t="str">
            <v/>
          </cell>
          <cell r="E538" t="str">
            <v/>
          </cell>
          <cell r="J538" t="str">
            <v/>
          </cell>
          <cell r="M538" t="str">
            <v/>
          </cell>
          <cell r="U538" t="str">
            <v/>
          </cell>
          <cell r="X538" t="str">
            <v/>
          </cell>
        </row>
        <row r="539">
          <cell r="A539">
            <v>533</v>
          </cell>
          <cell r="B539" t="str">
            <v/>
          </cell>
          <cell r="C539" t="str">
            <v/>
          </cell>
          <cell r="D539" t="str">
            <v/>
          </cell>
          <cell r="E539" t="str">
            <v/>
          </cell>
          <cell r="J539" t="str">
            <v/>
          </cell>
          <cell r="M539" t="str">
            <v/>
          </cell>
          <cell r="U539" t="str">
            <v/>
          </cell>
          <cell r="X539" t="str">
            <v/>
          </cell>
        </row>
        <row r="540">
          <cell r="A540">
            <v>534</v>
          </cell>
          <cell r="B540" t="str">
            <v/>
          </cell>
          <cell r="C540" t="str">
            <v/>
          </cell>
          <cell r="D540" t="str">
            <v/>
          </cell>
          <cell r="E540" t="str">
            <v/>
          </cell>
          <cell r="J540" t="str">
            <v/>
          </cell>
          <cell r="M540" t="str">
            <v/>
          </cell>
          <cell r="U540" t="str">
            <v/>
          </cell>
          <cell r="X540" t="str">
            <v/>
          </cell>
        </row>
        <row r="541">
          <cell r="A541">
            <v>535</v>
          </cell>
          <cell r="B541" t="str">
            <v/>
          </cell>
          <cell r="C541" t="str">
            <v/>
          </cell>
          <cell r="D541" t="str">
            <v/>
          </cell>
          <cell r="E541" t="str">
            <v/>
          </cell>
          <cell r="J541" t="str">
            <v/>
          </cell>
          <cell r="M541" t="str">
            <v/>
          </cell>
          <cell r="U541" t="str">
            <v/>
          </cell>
          <cell r="X541" t="str">
            <v/>
          </cell>
        </row>
        <row r="542">
          <cell r="A542">
            <v>536</v>
          </cell>
          <cell r="B542" t="str">
            <v/>
          </cell>
          <cell r="C542" t="str">
            <v/>
          </cell>
          <cell r="D542" t="str">
            <v/>
          </cell>
          <cell r="E542" t="str">
            <v/>
          </cell>
          <cell r="J542" t="str">
            <v/>
          </cell>
          <cell r="M542" t="str">
            <v/>
          </cell>
          <cell r="U542" t="str">
            <v/>
          </cell>
          <cell r="X542" t="str">
            <v/>
          </cell>
        </row>
        <row r="543">
          <cell r="A543">
            <v>537</v>
          </cell>
          <cell r="B543" t="str">
            <v/>
          </cell>
          <cell r="C543" t="str">
            <v/>
          </cell>
          <cell r="D543" t="str">
            <v/>
          </cell>
          <cell r="E543" t="str">
            <v/>
          </cell>
          <cell r="J543" t="str">
            <v/>
          </cell>
          <cell r="M543" t="str">
            <v/>
          </cell>
          <cell r="U543" t="str">
            <v/>
          </cell>
          <cell r="X543" t="str">
            <v/>
          </cell>
        </row>
        <row r="544">
          <cell r="A544">
            <v>538</v>
          </cell>
          <cell r="B544" t="str">
            <v/>
          </cell>
          <cell r="C544" t="str">
            <v/>
          </cell>
          <cell r="D544" t="str">
            <v/>
          </cell>
          <cell r="E544" t="str">
            <v/>
          </cell>
          <cell r="J544" t="str">
            <v/>
          </cell>
          <cell r="M544" t="str">
            <v/>
          </cell>
          <cell r="U544" t="str">
            <v/>
          </cell>
          <cell r="X544" t="str">
            <v/>
          </cell>
        </row>
        <row r="545">
          <cell r="A545">
            <v>539</v>
          </cell>
          <cell r="B545" t="str">
            <v/>
          </cell>
          <cell r="C545" t="str">
            <v/>
          </cell>
          <cell r="D545" t="str">
            <v/>
          </cell>
          <cell r="E545" t="str">
            <v/>
          </cell>
          <cell r="J545" t="str">
            <v/>
          </cell>
          <cell r="M545" t="str">
            <v/>
          </cell>
          <cell r="U545" t="str">
            <v/>
          </cell>
          <cell r="X545" t="str">
            <v/>
          </cell>
        </row>
        <row r="546">
          <cell r="A546">
            <v>540</v>
          </cell>
          <cell r="B546" t="str">
            <v/>
          </cell>
          <cell r="C546" t="str">
            <v/>
          </cell>
          <cell r="D546" t="str">
            <v/>
          </cell>
          <cell r="E546" t="str">
            <v/>
          </cell>
          <cell r="J546" t="str">
            <v/>
          </cell>
          <cell r="M546" t="str">
            <v/>
          </cell>
          <cell r="U546" t="str">
            <v/>
          </cell>
          <cell r="X546" t="str">
            <v/>
          </cell>
        </row>
        <row r="547">
          <cell r="A547">
            <v>541</v>
          </cell>
          <cell r="B547" t="str">
            <v/>
          </cell>
          <cell r="C547" t="str">
            <v/>
          </cell>
          <cell r="D547" t="str">
            <v/>
          </cell>
          <cell r="E547" t="str">
            <v/>
          </cell>
          <cell r="J547" t="str">
            <v/>
          </cell>
          <cell r="M547" t="str">
            <v/>
          </cell>
          <cell r="U547" t="str">
            <v/>
          </cell>
          <cell r="X547" t="str">
            <v/>
          </cell>
        </row>
        <row r="548">
          <cell r="A548">
            <v>542</v>
          </cell>
          <cell r="B548" t="str">
            <v/>
          </cell>
          <cell r="C548" t="str">
            <v/>
          </cell>
          <cell r="D548" t="str">
            <v/>
          </cell>
          <cell r="E548" t="str">
            <v/>
          </cell>
          <cell r="J548" t="str">
            <v/>
          </cell>
          <cell r="M548" t="str">
            <v/>
          </cell>
          <cell r="U548" t="str">
            <v/>
          </cell>
          <cell r="X548" t="str">
            <v/>
          </cell>
        </row>
        <row r="549">
          <cell r="A549">
            <v>543</v>
          </cell>
          <cell r="B549" t="str">
            <v/>
          </cell>
          <cell r="C549" t="str">
            <v/>
          </cell>
          <cell r="D549" t="str">
            <v/>
          </cell>
          <cell r="E549" t="str">
            <v/>
          </cell>
          <cell r="J549" t="str">
            <v/>
          </cell>
          <cell r="M549" t="str">
            <v/>
          </cell>
          <cell r="U549" t="str">
            <v/>
          </cell>
          <cell r="X549" t="str">
            <v/>
          </cell>
        </row>
        <row r="550">
          <cell r="A550">
            <v>544</v>
          </cell>
          <cell r="B550" t="str">
            <v/>
          </cell>
          <cell r="C550" t="str">
            <v/>
          </cell>
          <cell r="D550" t="str">
            <v/>
          </cell>
          <cell r="E550" t="str">
            <v/>
          </cell>
          <cell r="J550" t="str">
            <v/>
          </cell>
          <cell r="M550" t="str">
            <v/>
          </cell>
          <cell r="U550" t="str">
            <v/>
          </cell>
          <cell r="X550" t="str">
            <v/>
          </cell>
        </row>
        <row r="551">
          <cell r="A551">
            <v>545</v>
          </cell>
          <cell r="B551" t="str">
            <v/>
          </cell>
          <cell r="C551" t="str">
            <v/>
          </cell>
          <cell r="D551" t="str">
            <v/>
          </cell>
          <cell r="E551" t="str">
            <v/>
          </cell>
          <cell r="J551" t="str">
            <v/>
          </cell>
          <cell r="M551" t="str">
            <v/>
          </cell>
          <cell r="U551" t="str">
            <v/>
          </cell>
          <cell r="X551" t="str">
            <v/>
          </cell>
        </row>
        <row r="552">
          <cell r="A552">
            <v>546</v>
          </cell>
          <cell r="B552" t="str">
            <v/>
          </cell>
          <cell r="C552" t="str">
            <v/>
          </cell>
          <cell r="D552" t="str">
            <v/>
          </cell>
          <cell r="E552" t="str">
            <v/>
          </cell>
          <cell r="J552" t="str">
            <v/>
          </cell>
          <cell r="M552" t="str">
            <v/>
          </cell>
          <cell r="U552" t="str">
            <v/>
          </cell>
          <cell r="X552" t="str">
            <v/>
          </cell>
        </row>
        <row r="553">
          <cell r="A553">
            <v>547</v>
          </cell>
          <cell r="B553" t="str">
            <v/>
          </cell>
          <cell r="C553" t="str">
            <v/>
          </cell>
          <cell r="D553" t="str">
            <v/>
          </cell>
          <cell r="E553" t="str">
            <v/>
          </cell>
          <cell r="J553" t="str">
            <v/>
          </cell>
          <cell r="M553" t="str">
            <v/>
          </cell>
          <cell r="U553" t="str">
            <v/>
          </cell>
          <cell r="X553" t="str">
            <v/>
          </cell>
        </row>
        <row r="554">
          <cell r="A554">
            <v>548</v>
          </cell>
          <cell r="B554" t="str">
            <v/>
          </cell>
          <cell r="C554" t="str">
            <v/>
          </cell>
          <cell r="D554" t="str">
            <v/>
          </cell>
          <cell r="E554" t="str">
            <v/>
          </cell>
          <cell r="J554" t="str">
            <v/>
          </cell>
          <cell r="M554" t="str">
            <v/>
          </cell>
          <cell r="U554" t="str">
            <v/>
          </cell>
          <cell r="X554" t="str">
            <v/>
          </cell>
        </row>
        <row r="555">
          <cell r="A555">
            <v>549</v>
          </cell>
          <cell r="B555" t="str">
            <v/>
          </cell>
          <cell r="C555" t="str">
            <v/>
          </cell>
          <cell r="D555" t="str">
            <v/>
          </cell>
          <cell r="E555" t="str">
            <v/>
          </cell>
          <cell r="J555" t="str">
            <v/>
          </cell>
          <cell r="M555" t="str">
            <v/>
          </cell>
          <cell r="U555" t="str">
            <v/>
          </cell>
          <cell r="X555" t="str">
            <v/>
          </cell>
        </row>
        <row r="556">
          <cell r="A556">
            <v>550</v>
          </cell>
          <cell r="B556" t="str">
            <v/>
          </cell>
          <cell r="C556" t="str">
            <v/>
          </cell>
          <cell r="D556" t="str">
            <v/>
          </cell>
          <cell r="E556" t="str">
            <v/>
          </cell>
          <cell r="J556" t="str">
            <v/>
          </cell>
          <cell r="M556" t="str">
            <v/>
          </cell>
          <cell r="U556" t="str">
            <v/>
          </cell>
          <cell r="X556" t="str">
            <v/>
          </cell>
        </row>
        <row r="557">
          <cell r="A557">
            <v>551</v>
          </cell>
          <cell r="B557" t="str">
            <v/>
          </cell>
          <cell r="C557" t="str">
            <v/>
          </cell>
          <cell r="D557" t="str">
            <v/>
          </cell>
          <cell r="E557" t="str">
            <v/>
          </cell>
          <cell r="J557" t="str">
            <v/>
          </cell>
          <cell r="M557" t="str">
            <v/>
          </cell>
          <cell r="U557" t="str">
            <v/>
          </cell>
          <cell r="X557" t="str">
            <v/>
          </cell>
        </row>
        <row r="558">
          <cell r="A558">
            <v>552</v>
          </cell>
          <cell r="B558" t="str">
            <v/>
          </cell>
          <cell r="C558" t="str">
            <v/>
          </cell>
          <cell r="D558" t="str">
            <v/>
          </cell>
          <cell r="E558" t="str">
            <v/>
          </cell>
          <cell r="J558" t="str">
            <v/>
          </cell>
          <cell r="M558" t="str">
            <v/>
          </cell>
          <cell r="U558" t="str">
            <v/>
          </cell>
          <cell r="X558" t="str">
            <v/>
          </cell>
        </row>
        <row r="559">
          <cell r="A559">
            <v>553</v>
          </cell>
          <cell r="B559" t="str">
            <v/>
          </cell>
          <cell r="C559" t="str">
            <v/>
          </cell>
          <cell r="D559" t="str">
            <v/>
          </cell>
          <cell r="E559" t="str">
            <v/>
          </cell>
          <cell r="J559" t="str">
            <v/>
          </cell>
          <cell r="M559" t="str">
            <v/>
          </cell>
          <cell r="U559" t="str">
            <v/>
          </cell>
          <cell r="X559" t="str">
            <v/>
          </cell>
        </row>
        <row r="560">
          <cell r="A560">
            <v>554</v>
          </cell>
          <cell r="B560" t="str">
            <v/>
          </cell>
          <cell r="C560" t="str">
            <v/>
          </cell>
          <cell r="D560" t="str">
            <v/>
          </cell>
          <cell r="E560" t="str">
            <v/>
          </cell>
          <cell r="J560" t="str">
            <v/>
          </cell>
          <cell r="M560" t="str">
            <v/>
          </cell>
          <cell r="U560" t="str">
            <v/>
          </cell>
          <cell r="X560" t="str">
            <v/>
          </cell>
        </row>
        <row r="561">
          <cell r="A561">
            <v>555</v>
          </cell>
          <cell r="B561" t="str">
            <v/>
          </cell>
          <cell r="C561" t="str">
            <v/>
          </cell>
          <cell r="D561" t="str">
            <v/>
          </cell>
          <cell r="E561" t="str">
            <v/>
          </cell>
          <cell r="J561" t="str">
            <v/>
          </cell>
          <cell r="M561" t="str">
            <v/>
          </cell>
          <cell r="U561" t="str">
            <v/>
          </cell>
          <cell r="X561" t="str">
            <v/>
          </cell>
        </row>
        <row r="562">
          <cell r="A562">
            <v>556</v>
          </cell>
          <cell r="B562" t="str">
            <v/>
          </cell>
          <cell r="C562" t="str">
            <v/>
          </cell>
          <cell r="D562" t="str">
            <v/>
          </cell>
          <cell r="E562" t="str">
            <v/>
          </cell>
          <cell r="J562" t="str">
            <v/>
          </cell>
          <cell r="M562" t="str">
            <v/>
          </cell>
          <cell r="U562" t="str">
            <v/>
          </cell>
          <cell r="X562" t="str">
            <v/>
          </cell>
        </row>
        <row r="563">
          <cell r="A563">
            <v>557</v>
          </cell>
          <cell r="B563" t="str">
            <v/>
          </cell>
          <cell r="C563" t="str">
            <v/>
          </cell>
          <cell r="D563" t="str">
            <v/>
          </cell>
          <cell r="E563" t="str">
            <v/>
          </cell>
          <cell r="J563" t="str">
            <v/>
          </cell>
          <cell r="M563" t="str">
            <v/>
          </cell>
          <cell r="U563" t="str">
            <v/>
          </cell>
          <cell r="X563" t="str">
            <v/>
          </cell>
        </row>
        <row r="564">
          <cell r="A564">
            <v>558</v>
          </cell>
          <cell r="B564" t="str">
            <v/>
          </cell>
          <cell r="C564" t="str">
            <v/>
          </cell>
          <cell r="D564" t="str">
            <v/>
          </cell>
          <cell r="E564" t="str">
            <v/>
          </cell>
          <cell r="J564" t="str">
            <v/>
          </cell>
          <cell r="M564" t="str">
            <v/>
          </cell>
          <cell r="U564" t="str">
            <v/>
          </cell>
          <cell r="X564" t="str">
            <v/>
          </cell>
        </row>
        <row r="565">
          <cell r="A565">
            <v>559</v>
          </cell>
          <cell r="B565" t="str">
            <v/>
          </cell>
          <cell r="C565" t="str">
            <v/>
          </cell>
          <cell r="D565" t="str">
            <v/>
          </cell>
          <cell r="E565" t="str">
            <v/>
          </cell>
          <cell r="J565" t="str">
            <v/>
          </cell>
          <cell r="M565" t="str">
            <v/>
          </cell>
          <cell r="U565" t="str">
            <v/>
          </cell>
          <cell r="X565" t="str">
            <v/>
          </cell>
        </row>
        <row r="566">
          <cell r="A566">
            <v>560</v>
          </cell>
          <cell r="B566" t="str">
            <v/>
          </cell>
          <cell r="C566" t="str">
            <v/>
          </cell>
          <cell r="D566" t="str">
            <v/>
          </cell>
          <cell r="E566" t="str">
            <v/>
          </cell>
          <cell r="J566" t="str">
            <v/>
          </cell>
          <cell r="M566" t="str">
            <v/>
          </cell>
          <cell r="U566" t="str">
            <v/>
          </cell>
          <cell r="X566" t="str">
            <v/>
          </cell>
        </row>
        <row r="567">
          <cell r="A567">
            <v>561</v>
          </cell>
          <cell r="B567" t="str">
            <v/>
          </cell>
          <cell r="C567" t="str">
            <v/>
          </cell>
          <cell r="D567" t="str">
            <v/>
          </cell>
          <cell r="E567" t="str">
            <v/>
          </cell>
          <cell r="J567" t="str">
            <v/>
          </cell>
          <cell r="M567" t="str">
            <v/>
          </cell>
          <cell r="U567" t="str">
            <v/>
          </cell>
          <cell r="X567" t="str">
            <v/>
          </cell>
        </row>
        <row r="568">
          <cell r="A568">
            <v>562</v>
          </cell>
          <cell r="B568" t="str">
            <v/>
          </cell>
          <cell r="C568" t="str">
            <v/>
          </cell>
          <cell r="D568" t="str">
            <v/>
          </cell>
          <cell r="E568" t="str">
            <v/>
          </cell>
          <cell r="J568" t="str">
            <v/>
          </cell>
          <cell r="M568" t="str">
            <v/>
          </cell>
          <cell r="U568" t="str">
            <v/>
          </cell>
          <cell r="X568" t="str">
            <v/>
          </cell>
        </row>
        <row r="569">
          <cell r="A569">
            <v>563</v>
          </cell>
          <cell r="B569" t="str">
            <v/>
          </cell>
          <cell r="C569" t="str">
            <v/>
          </cell>
          <cell r="D569" t="str">
            <v/>
          </cell>
          <cell r="E569" t="str">
            <v/>
          </cell>
          <cell r="J569" t="str">
            <v/>
          </cell>
          <cell r="M569" t="str">
            <v/>
          </cell>
          <cell r="U569" t="str">
            <v/>
          </cell>
          <cell r="X569" t="str">
            <v/>
          </cell>
        </row>
        <row r="570">
          <cell r="A570">
            <v>564</v>
          </cell>
          <cell r="B570" t="str">
            <v/>
          </cell>
          <cell r="C570" t="str">
            <v/>
          </cell>
          <cell r="D570" t="str">
            <v/>
          </cell>
          <cell r="E570" t="str">
            <v/>
          </cell>
          <cell r="J570" t="str">
            <v/>
          </cell>
          <cell r="M570" t="str">
            <v/>
          </cell>
          <cell r="U570" t="str">
            <v/>
          </cell>
          <cell r="X570" t="str">
            <v/>
          </cell>
        </row>
        <row r="571">
          <cell r="A571">
            <v>565</v>
          </cell>
          <cell r="B571" t="str">
            <v/>
          </cell>
          <cell r="C571" t="str">
            <v/>
          </cell>
          <cell r="D571" t="str">
            <v/>
          </cell>
          <cell r="E571" t="str">
            <v/>
          </cell>
          <cell r="J571" t="str">
            <v/>
          </cell>
          <cell r="M571" t="str">
            <v/>
          </cell>
          <cell r="U571" t="str">
            <v/>
          </cell>
          <cell r="X571" t="str">
            <v/>
          </cell>
        </row>
        <row r="572">
          <cell r="A572">
            <v>566</v>
          </cell>
          <cell r="B572" t="str">
            <v/>
          </cell>
          <cell r="C572" t="str">
            <v/>
          </cell>
          <cell r="D572" t="str">
            <v/>
          </cell>
          <cell r="E572" t="str">
            <v/>
          </cell>
          <cell r="J572" t="str">
            <v/>
          </cell>
          <cell r="M572" t="str">
            <v/>
          </cell>
          <cell r="U572" t="str">
            <v/>
          </cell>
          <cell r="X572" t="str">
            <v/>
          </cell>
        </row>
        <row r="573">
          <cell r="A573">
            <v>567</v>
          </cell>
          <cell r="B573" t="str">
            <v/>
          </cell>
          <cell r="C573" t="str">
            <v/>
          </cell>
          <cell r="D573" t="str">
            <v/>
          </cell>
          <cell r="E573" t="str">
            <v/>
          </cell>
          <cell r="J573" t="str">
            <v/>
          </cell>
          <cell r="M573" t="str">
            <v/>
          </cell>
          <cell r="U573" t="str">
            <v/>
          </cell>
          <cell r="X573" t="str">
            <v/>
          </cell>
        </row>
        <row r="574">
          <cell r="A574">
            <v>568</v>
          </cell>
          <cell r="B574" t="str">
            <v/>
          </cell>
          <cell r="C574" t="str">
            <v/>
          </cell>
          <cell r="D574" t="str">
            <v/>
          </cell>
          <cell r="E574" t="str">
            <v/>
          </cell>
          <cell r="J574" t="str">
            <v/>
          </cell>
          <cell r="M574" t="str">
            <v/>
          </cell>
          <cell r="U574" t="str">
            <v/>
          </cell>
          <cell r="X574" t="str">
            <v/>
          </cell>
        </row>
        <row r="575">
          <cell r="A575">
            <v>569</v>
          </cell>
          <cell r="B575" t="str">
            <v/>
          </cell>
          <cell r="C575" t="str">
            <v/>
          </cell>
          <cell r="D575" t="str">
            <v/>
          </cell>
          <cell r="E575" t="str">
            <v/>
          </cell>
          <cell r="J575" t="str">
            <v/>
          </cell>
          <cell r="M575" t="str">
            <v/>
          </cell>
          <cell r="U575" t="str">
            <v/>
          </cell>
          <cell r="X575" t="str">
            <v/>
          </cell>
        </row>
        <row r="576">
          <cell r="A576">
            <v>570</v>
          </cell>
          <cell r="B576" t="str">
            <v/>
          </cell>
          <cell r="C576" t="str">
            <v/>
          </cell>
          <cell r="D576" t="str">
            <v/>
          </cell>
          <cell r="E576" t="str">
            <v/>
          </cell>
          <cell r="J576" t="str">
            <v/>
          </cell>
          <cell r="M576" t="str">
            <v/>
          </cell>
          <cell r="U576" t="str">
            <v/>
          </cell>
          <cell r="X576" t="str">
            <v/>
          </cell>
        </row>
        <row r="577">
          <cell r="A577">
            <v>571</v>
          </cell>
          <cell r="B577" t="str">
            <v/>
          </cell>
          <cell r="C577" t="str">
            <v/>
          </cell>
          <cell r="D577" t="str">
            <v/>
          </cell>
          <cell r="E577" t="str">
            <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 val=""/>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72.xml.rels><?xml version="1.0" encoding="UTF-8" standalone="yes"?>
<Relationships xmlns="http://schemas.openxmlformats.org/package/2006/relationships"><Relationship Id="rId1" Type="http://schemas.openxmlformats.org/officeDocument/2006/relationships/printerSettings" Target="../printerSettings/printerSettings72.bin"/></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73.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74.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75.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77.xml.rels><?xml version="1.0" encoding="UTF-8" standalone="yes"?>
<Relationships xmlns="http://schemas.openxmlformats.org/package/2006/relationships"><Relationship Id="rId1" Type="http://schemas.openxmlformats.org/officeDocument/2006/relationships/printerSettings" Target="../printerSettings/printerSettings77.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tabSelected="1" view="pageBreakPreview" zoomScaleNormal="40" zoomScaleSheetLayoutView="100" workbookViewId="0"/>
  </sheetViews>
  <sheetFormatPr defaultRowHeight="13.5" x14ac:dyDescent="0.15"/>
  <cols>
    <col min="1" max="16384" width="9" style="69"/>
  </cols>
  <sheetData>
    <row r="13" spans="1:9" ht="30.75" x14ac:dyDescent="0.15">
      <c r="A13" s="260" t="s">
        <v>520</v>
      </c>
      <c r="B13" s="260"/>
      <c r="C13" s="260"/>
      <c r="D13" s="260"/>
      <c r="E13" s="260"/>
      <c r="F13" s="260"/>
      <c r="G13" s="260"/>
      <c r="H13" s="260"/>
      <c r="I13" s="260"/>
    </row>
    <row r="14" spans="1:9" ht="30.75" x14ac:dyDescent="0.15">
      <c r="A14" s="71"/>
      <c r="B14" s="71"/>
      <c r="C14" s="71"/>
      <c r="D14" s="71"/>
      <c r="E14" s="71"/>
      <c r="F14" s="71"/>
      <c r="G14" s="71"/>
      <c r="H14" s="71"/>
      <c r="I14" s="71"/>
    </row>
    <row r="15" spans="1:9" ht="30.75" x14ac:dyDescent="0.15">
      <c r="A15" s="71"/>
      <c r="B15" s="71"/>
      <c r="C15" s="71"/>
      <c r="D15" s="71"/>
      <c r="E15" s="71"/>
      <c r="F15" s="71"/>
      <c r="G15" s="71"/>
      <c r="H15" s="71"/>
      <c r="I15" s="71"/>
    </row>
    <row r="17" spans="1:9" s="70" customFormat="1" ht="30.75" x14ac:dyDescent="0.15">
      <c r="A17" s="260" t="s">
        <v>179</v>
      </c>
      <c r="B17" s="260"/>
      <c r="C17" s="260"/>
      <c r="D17" s="260"/>
      <c r="E17" s="260"/>
      <c r="F17" s="260"/>
      <c r="G17" s="260"/>
      <c r="H17" s="260"/>
      <c r="I17" s="260"/>
    </row>
    <row r="18" spans="1:9" s="70" customFormat="1" ht="30.75" x14ac:dyDescent="0.15"/>
    <row r="19" spans="1:9" s="70" customFormat="1" ht="30.75" x14ac:dyDescent="0.15"/>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3">
    <mergeCell ref="A46:I46"/>
    <mergeCell ref="A17:I17"/>
    <mergeCell ref="A13:I13"/>
  </mergeCells>
  <phoneticPr fontId="10"/>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S47"/>
  <sheetViews>
    <sheetView showGridLines="0" view="pageBreakPreview" zoomScaleNormal="70" zoomScaleSheetLayoutView="100" workbookViewId="0">
      <selection sqref="A1:K1"/>
    </sheetView>
  </sheetViews>
  <sheetFormatPr defaultColWidth="8.875" defaultRowHeight="18.75" x14ac:dyDescent="0.15"/>
  <cols>
    <col min="1" max="1" width="30.625" style="73" customWidth="1"/>
    <col min="2" max="7" width="3.5" style="73" customWidth="1"/>
    <col min="8" max="8" width="50.375" style="73" customWidth="1"/>
    <col min="9" max="14" width="32.625" style="73" customWidth="1"/>
    <col min="15" max="15" width="37.625" style="73" customWidth="1"/>
    <col min="16" max="16" width="15.125" style="111" customWidth="1"/>
    <col min="17" max="17" width="7" style="73" customWidth="1"/>
    <col min="18" max="18" width="25.625" style="73" customWidth="1"/>
    <col min="19" max="256" width="8.875" style="73"/>
    <col min="257" max="263" width="3.5" style="73" customWidth="1"/>
    <col min="264" max="264" width="15.625" style="73" customWidth="1"/>
    <col min="265" max="271" width="25.625" style="73" customWidth="1"/>
    <col min="272" max="512" width="8.875" style="73"/>
    <col min="513" max="519" width="3.5" style="73" customWidth="1"/>
    <col min="520" max="520" width="15.625" style="73" customWidth="1"/>
    <col min="521" max="527" width="25.625" style="73" customWidth="1"/>
    <col min="528" max="768" width="8.875" style="73"/>
    <col min="769" max="775" width="3.5" style="73" customWidth="1"/>
    <col min="776" max="776" width="15.625" style="73" customWidth="1"/>
    <col min="777" max="783" width="25.625" style="73" customWidth="1"/>
    <col min="784" max="1024" width="8.875" style="73"/>
    <col min="1025" max="1031" width="3.5" style="73" customWidth="1"/>
    <col min="1032" max="1032" width="15.625" style="73" customWidth="1"/>
    <col min="1033" max="1039" width="25.625" style="73" customWidth="1"/>
    <col min="1040" max="1280" width="8.875" style="73"/>
    <col min="1281" max="1287" width="3.5" style="73" customWidth="1"/>
    <col min="1288" max="1288" width="15.625" style="73" customWidth="1"/>
    <col min="1289" max="1295" width="25.625" style="73" customWidth="1"/>
    <col min="1296" max="1536" width="8.875" style="73"/>
    <col min="1537" max="1543" width="3.5" style="73" customWidth="1"/>
    <col min="1544" max="1544" width="15.625" style="73" customWidth="1"/>
    <col min="1545" max="1551" width="25.625" style="73" customWidth="1"/>
    <col min="1552" max="1792" width="8.875" style="73"/>
    <col min="1793" max="1799" width="3.5" style="73" customWidth="1"/>
    <col min="1800" max="1800" width="15.625" style="73" customWidth="1"/>
    <col min="1801" max="1807" width="25.625" style="73" customWidth="1"/>
    <col min="1808" max="2048" width="8.875" style="73"/>
    <col min="2049" max="2055" width="3.5" style="73" customWidth="1"/>
    <col min="2056" max="2056" width="15.625" style="73" customWidth="1"/>
    <col min="2057" max="2063" width="25.625" style="73" customWidth="1"/>
    <col min="2064" max="2304" width="8.875" style="73"/>
    <col min="2305" max="2311" width="3.5" style="73" customWidth="1"/>
    <col min="2312" max="2312" width="15.625" style="73" customWidth="1"/>
    <col min="2313" max="2319" width="25.625" style="73" customWidth="1"/>
    <col min="2320" max="2560" width="8.875" style="73"/>
    <col min="2561" max="2567" width="3.5" style="73" customWidth="1"/>
    <col min="2568" max="2568" width="15.625" style="73" customWidth="1"/>
    <col min="2569" max="2575" width="25.625" style="73" customWidth="1"/>
    <col min="2576" max="2816" width="8.875" style="73"/>
    <col min="2817" max="2823" width="3.5" style="73" customWidth="1"/>
    <col min="2824" max="2824" width="15.625" style="73" customWidth="1"/>
    <col min="2825" max="2831" width="25.625" style="73" customWidth="1"/>
    <col min="2832" max="3072" width="8.875" style="73"/>
    <col min="3073" max="3079" width="3.5" style="73" customWidth="1"/>
    <col min="3080" max="3080" width="15.625" style="73" customWidth="1"/>
    <col min="3081" max="3087" width="25.625" style="73" customWidth="1"/>
    <col min="3088" max="3328" width="8.875" style="73"/>
    <col min="3329" max="3335" width="3.5" style="73" customWidth="1"/>
    <col min="3336" max="3336" width="15.625" style="73" customWidth="1"/>
    <col min="3337" max="3343" width="25.625" style="73" customWidth="1"/>
    <col min="3344" max="3584" width="8.875" style="73"/>
    <col min="3585" max="3591" width="3.5" style="73" customWidth="1"/>
    <col min="3592" max="3592" width="15.625" style="73" customWidth="1"/>
    <col min="3593" max="3599" width="25.625" style="73" customWidth="1"/>
    <col min="3600" max="3840" width="8.875" style="73"/>
    <col min="3841" max="3847" width="3.5" style="73" customWidth="1"/>
    <col min="3848" max="3848" width="15.625" style="73" customWidth="1"/>
    <col min="3849" max="3855" width="25.625" style="73" customWidth="1"/>
    <col min="3856" max="4096" width="8.875" style="73"/>
    <col min="4097" max="4103" width="3.5" style="73" customWidth="1"/>
    <col min="4104" max="4104" width="15.625" style="73" customWidth="1"/>
    <col min="4105" max="4111" width="25.625" style="73" customWidth="1"/>
    <col min="4112" max="4352" width="8.875" style="73"/>
    <col min="4353" max="4359" width="3.5" style="73" customWidth="1"/>
    <col min="4360" max="4360" width="15.625" style="73" customWidth="1"/>
    <col min="4361" max="4367" width="25.625" style="73" customWidth="1"/>
    <col min="4368" max="4608" width="8.875" style="73"/>
    <col min="4609" max="4615" width="3.5" style="73" customWidth="1"/>
    <col min="4616" max="4616" width="15.625" style="73" customWidth="1"/>
    <col min="4617" max="4623" width="25.625" style="73" customWidth="1"/>
    <col min="4624" max="4864" width="8.875" style="73"/>
    <col min="4865" max="4871" width="3.5" style="73" customWidth="1"/>
    <col min="4872" max="4872" width="15.625" style="73" customWidth="1"/>
    <col min="4873" max="4879" width="25.625" style="73" customWidth="1"/>
    <col min="4880" max="5120" width="8.875" style="73"/>
    <col min="5121" max="5127" width="3.5" style="73" customWidth="1"/>
    <col min="5128" max="5128" width="15.625" style="73" customWidth="1"/>
    <col min="5129" max="5135" width="25.625" style="73" customWidth="1"/>
    <col min="5136" max="5376" width="8.875" style="73"/>
    <col min="5377" max="5383" width="3.5" style="73" customWidth="1"/>
    <col min="5384" max="5384" width="15.625" style="73" customWidth="1"/>
    <col min="5385" max="5391" width="25.625" style="73" customWidth="1"/>
    <col min="5392" max="5632" width="8.875" style="73"/>
    <col min="5633" max="5639" width="3.5" style="73" customWidth="1"/>
    <col min="5640" max="5640" width="15.625" style="73" customWidth="1"/>
    <col min="5641" max="5647" width="25.625" style="73" customWidth="1"/>
    <col min="5648" max="5888" width="8.875" style="73"/>
    <col min="5889" max="5895" width="3.5" style="73" customWidth="1"/>
    <col min="5896" max="5896" width="15.625" style="73" customWidth="1"/>
    <col min="5897" max="5903" width="25.625" style="73" customWidth="1"/>
    <col min="5904" max="6144" width="8.875" style="73"/>
    <col min="6145" max="6151" width="3.5" style="73" customWidth="1"/>
    <col min="6152" max="6152" width="15.625" style="73" customWidth="1"/>
    <col min="6153" max="6159" width="25.625" style="73" customWidth="1"/>
    <col min="6160" max="6400" width="8.875" style="73"/>
    <col min="6401" max="6407" width="3.5" style="73" customWidth="1"/>
    <col min="6408" max="6408" width="15.625" style="73" customWidth="1"/>
    <col min="6409" max="6415" width="25.625" style="73" customWidth="1"/>
    <col min="6416" max="6656" width="8.875" style="73"/>
    <col min="6657" max="6663" width="3.5" style="73" customWidth="1"/>
    <col min="6664" max="6664" width="15.625" style="73" customWidth="1"/>
    <col min="6665" max="6671" width="25.625" style="73" customWidth="1"/>
    <col min="6672" max="6912" width="8.875" style="73"/>
    <col min="6913" max="6919" width="3.5" style="73" customWidth="1"/>
    <col min="6920" max="6920" width="15.625" style="73" customWidth="1"/>
    <col min="6921" max="6927" width="25.625" style="73" customWidth="1"/>
    <col min="6928" max="7168" width="8.875" style="73"/>
    <col min="7169" max="7175" width="3.5" style="73" customWidth="1"/>
    <col min="7176" max="7176" width="15.625" style="73" customWidth="1"/>
    <col min="7177" max="7183" width="25.625" style="73" customWidth="1"/>
    <col min="7184" max="7424" width="8.875" style="73"/>
    <col min="7425" max="7431" width="3.5" style="73" customWidth="1"/>
    <col min="7432" max="7432" width="15.625" style="73" customWidth="1"/>
    <col min="7433" max="7439" width="25.625" style="73" customWidth="1"/>
    <col min="7440" max="7680" width="8.875" style="73"/>
    <col min="7681" max="7687" width="3.5" style="73" customWidth="1"/>
    <col min="7688" max="7688" width="15.625" style="73" customWidth="1"/>
    <col min="7689" max="7695" width="25.625" style="73" customWidth="1"/>
    <col min="7696" max="7936" width="8.875" style="73"/>
    <col min="7937" max="7943" width="3.5" style="73" customWidth="1"/>
    <col min="7944" max="7944" width="15.625" style="73" customWidth="1"/>
    <col min="7945" max="7951" width="25.625" style="73" customWidth="1"/>
    <col min="7952" max="8192" width="8.875" style="73"/>
    <col min="8193" max="8199" width="3.5" style="73" customWidth="1"/>
    <col min="8200" max="8200" width="15.625" style="73" customWidth="1"/>
    <col min="8201" max="8207" width="25.625" style="73" customWidth="1"/>
    <col min="8208" max="8448" width="8.875" style="73"/>
    <col min="8449" max="8455" width="3.5" style="73" customWidth="1"/>
    <col min="8456" max="8456" width="15.625" style="73" customWidth="1"/>
    <col min="8457" max="8463" width="25.625" style="73" customWidth="1"/>
    <col min="8464" max="8704" width="8.875" style="73"/>
    <col min="8705" max="8711" width="3.5" style="73" customWidth="1"/>
    <col min="8712" max="8712" width="15.625" style="73" customWidth="1"/>
    <col min="8713" max="8719" width="25.625" style="73" customWidth="1"/>
    <col min="8720" max="8960" width="8.875" style="73"/>
    <col min="8961" max="8967" width="3.5" style="73" customWidth="1"/>
    <col min="8968" max="8968" width="15.625" style="73" customWidth="1"/>
    <col min="8969" max="8975" width="25.625" style="73" customWidth="1"/>
    <col min="8976" max="9216" width="8.875" style="73"/>
    <col min="9217" max="9223" width="3.5" style="73" customWidth="1"/>
    <col min="9224" max="9224" width="15.625" style="73" customWidth="1"/>
    <col min="9225" max="9231" width="25.625" style="73" customWidth="1"/>
    <col min="9232" max="9472" width="8.875" style="73"/>
    <col min="9473" max="9479" width="3.5" style="73" customWidth="1"/>
    <col min="9480" max="9480" width="15.625" style="73" customWidth="1"/>
    <col min="9481" max="9487" width="25.625" style="73" customWidth="1"/>
    <col min="9488" max="9728" width="8.875" style="73"/>
    <col min="9729" max="9735" width="3.5" style="73" customWidth="1"/>
    <col min="9736" max="9736" width="15.625" style="73" customWidth="1"/>
    <col min="9737" max="9743" width="25.625" style="73" customWidth="1"/>
    <col min="9744" max="9984" width="8.875" style="73"/>
    <col min="9985" max="9991" width="3.5" style="73" customWidth="1"/>
    <col min="9992" max="9992" width="15.625" style="73" customWidth="1"/>
    <col min="9993" max="9999" width="25.625" style="73" customWidth="1"/>
    <col min="10000" max="10240" width="8.875" style="73"/>
    <col min="10241" max="10247" width="3.5" style="73" customWidth="1"/>
    <col min="10248" max="10248" width="15.625" style="73" customWidth="1"/>
    <col min="10249" max="10255" width="25.625" style="73" customWidth="1"/>
    <col min="10256" max="10496" width="8.875" style="73"/>
    <col min="10497" max="10503" width="3.5" style="73" customWidth="1"/>
    <col min="10504" max="10504" width="15.625" style="73" customWidth="1"/>
    <col min="10505" max="10511" width="25.625" style="73" customWidth="1"/>
    <col min="10512" max="10752" width="8.875" style="73"/>
    <col min="10753" max="10759" width="3.5" style="73" customWidth="1"/>
    <col min="10760" max="10760" width="15.625" style="73" customWidth="1"/>
    <col min="10761" max="10767" width="25.625" style="73" customWidth="1"/>
    <col min="10768" max="11008" width="8.875" style="73"/>
    <col min="11009" max="11015" width="3.5" style="73" customWidth="1"/>
    <col min="11016" max="11016" width="15.625" style="73" customWidth="1"/>
    <col min="11017" max="11023" width="25.625" style="73" customWidth="1"/>
    <col min="11024" max="11264" width="8.875" style="73"/>
    <col min="11265" max="11271" width="3.5" style="73" customWidth="1"/>
    <col min="11272" max="11272" width="15.625" style="73" customWidth="1"/>
    <col min="11273" max="11279" width="25.625" style="73" customWidth="1"/>
    <col min="11280" max="11520" width="8.875" style="73"/>
    <col min="11521" max="11527" width="3.5" style="73" customWidth="1"/>
    <col min="11528" max="11528" width="15.625" style="73" customWidth="1"/>
    <col min="11529" max="11535" width="25.625" style="73" customWidth="1"/>
    <col min="11536" max="11776" width="8.875" style="73"/>
    <col min="11777" max="11783" width="3.5" style="73" customWidth="1"/>
    <col min="11784" max="11784" width="15.625" style="73" customWidth="1"/>
    <col min="11785" max="11791" width="25.625" style="73" customWidth="1"/>
    <col min="11792" max="12032" width="8.875" style="73"/>
    <col min="12033" max="12039" width="3.5" style="73" customWidth="1"/>
    <col min="12040" max="12040" width="15.625" style="73" customWidth="1"/>
    <col min="12041" max="12047" width="25.625" style="73" customWidth="1"/>
    <col min="12048" max="12288" width="8.875" style="73"/>
    <col min="12289" max="12295" width="3.5" style="73" customWidth="1"/>
    <col min="12296" max="12296" width="15.625" style="73" customWidth="1"/>
    <col min="12297" max="12303" width="25.625" style="73" customWidth="1"/>
    <col min="12304" max="12544" width="8.875" style="73"/>
    <col min="12545" max="12551" width="3.5" style="73" customWidth="1"/>
    <col min="12552" max="12552" width="15.625" style="73" customWidth="1"/>
    <col min="12553" max="12559" width="25.625" style="73" customWidth="1"/>
    <col min="12560" max="12800" width="8.875" style="73"/>
    <col min="12801" max="12807" width="3.5" style="73" customWidth="1"/>
    <col min="12808" max="12808" width="15.625" style="73" customWidth="1"/>
    <col min="12809" max="12815" width="25.625" style="73" customWidth="1"/>
    <col min="12816" max="13056" width="8.875" style="73"/>
    <col min="13057" max="13063" width="3.5" style="73" customWidth="1"/>
    <col min="13064" max="13064" width="15.625" style="73" customWidth="1"/>
    <col min="13065" max="13071" width="25.625" style="73" customWidth="1"/>
    <col min="13072" max="13312" width="8.875" style="73"/>
    <col min="13313" max="13319" width="3.5" style="73" customWidth="1"/>
    <col min="13320" max="13320" width="15.625" style="73" customWidth="1"/>
    <col min="13321" max="13327" width="25.625" style="73" customWidth="1"/>
    <col min="13328" max="13568" width="8.875" style="73"/>
    <col min="13569" max="13575" width="3.5" style="73" customWidth="1"/>
    <col min="13576" max="13576" width="15.625" style="73" customWidth="1"/>
    <col min="13577" max="13583" width="25.625" style="73" customWidth="1"/>
    <col min="13584" max="13824" width="8.875" style="73"/>
    <col min="13825" max="13831" width="3.5" style="73" customWidth="1"/>
    <col min="13832" max="13832" width="15.625" style="73" customWidth="1"/>
    <col min="13833" max="13839" width="25.625" style="73" customWidth="1"/>
    <col min="13840" max="14080" width="8.875" style="73"/>
    <col min="14081" max="14087" width="3.5" style="73" customWidth="1"/>
    <col min="14088" max="14088" width="15.625" style="73" customWidth="1"/>
    <col min="14089" max="14095" width="25.625" style="73" customWidth="1"/>
    <col min="14096" max="14336" width="8.875" style="73"/>
    <col min="14337" max="14343" width="3.5" style="73" customWidth="1"/>
    <col min="14344" max="14344" width="15.625" style="73" customWidth="1"/>
    <col min="14345" max="14351" width="25.625" style="73" customWidth="1"/>
    <col min="14352" max="14592" width="8.875" style="73"/>
    <col min="14593" max="14599" width="3.5" style="73" customWidth="1"/>
    <col min="14600" max="14600" width="15.625" style="73" customWidth="1"/>
    <col min="14601" max="14607" width="25.625" style="73" customWidth="1"/>
    <col min="14608" max="14848" width="8.875" style="73"/>
    <col min="14849" max="14855" width="3.5" style="73" customWidth="1"/>
    <col min="14856" max="14856" width="15.625" style="73" customWidth="1"/>
    <col min="14857" max="14863" width="25.625" style="73" customWidth="1"/>
    <col min="14864" max="15104" width="8.875" style="73"/>
    <col min="15105" max="15111" width="3.5" style="73" customWidth="1"/>
    <col min="15112" max="15112" width="15.625" style="73" customWidth="1"/>
    <col min="15113" max="15119" width="25.625" style="73" customWidth="1"/>
    <col min="15120" max="15360" width="8.875" style="73"/>
    <col min="15361" max="15367" width="3.5" style="73" customWidth="1"/>
    <col min="15368" max="15368" width="15.625" style="73" customWidth="1"/>
    <col min="15369" max="15375" width="25.625" style="73" customWidth="1"/>
    <col min="15376" max="15616" width="8.875" style="73"/>
    <col min="15617" max="15623" width="3.5" style="73" customWidth="1"/>
    <col min="15624" max="15624" width="15.625" style="73" customWidth="1"/>
    <col min="15625" max="15631" width="25.625" style="73" customWidth="1"/>
    <col min="15632" max="15872" width="8.875" style="73"/>
    <col min="15873" max="15879" width="3.5" style="73" customWidth="1"/>
    <col min="15880" max="15880" width="15.625" style="73" customWidth="1"/>
    <col min="15881" max="15887" width="25.625" style="73" customWidth="1"/>
    <col min="15888" max="16128" width="8.875" style="73"/>
    <col min="16129" max="16135" width="3.5" style="73" customWidth="1"/>
    <col min="16136" max="16136" width="15.625" style="73" customWidth="1"/>
    <col min="16137" max="16143" width="25.625" style="73" customWidth="1"/>
    <col min="16144" max="16384" width="8.875" style="73"/>
  </cols>
  <sheetData>
    <row r="1" spans="1:17" s="102" customFormat="1" ht="22.5" customHeight="1" x14ac:dyDescent="0.15">
      <c r="A1" s="275" t="s">
        <v>397</v>
      </c>
      <c r="B1" s="275"/>
      <c r="C1" s="275"/>
      <c r="D1" s="275"/>
      <c r="E1" s="275"/>
      <c r="F1" s="275"/>
      <c r="G1" s="275"/>
      <c r="H1" s="275"/>
      <c r="I1" s="275"/>
      <c r="J1" s="275"/>
      <c r="K1" s="275"/>
      <c r="P1" s="203"/>
    </row>
    <row r="2" spans="1:17" s="1" customFormat="1" ht="22.5" customHeight="1" x14ac:dyDescent="0.15">
      <c r="B2" s="103"/>
      <c r="P2" s="204"/>
    </row>
    <row r="3" spans="1:17" s="1" customFormat="1" ht="22.5" customHeight="1" x14ac:dyDescent="0.15">
      <c r="B3" s="103"/>
      <c r="P3" s="204"/>
    </row>
    <row r="4" spans="1:17" s="1" customFormat="1" ht="22.5" customHeight="1" x14ac:dyDescent="0.15">
      <c r="B4" s="103"/>
      <c r="P4" s="204"/>
    </row>
    <row r="5" spans="1:17" s="148" customFormat="1" ht="28.5" customHeight="1" x14ac:dyDescent="0.15">
      <c r="A5" s="304" t="s">
        <v>401</v>
      </c>
      <c r="B5" s="304"/>
      <c r="C5" s="304"/>
      <c r="D5" s="304"/>
      <c r="E5" s="304"/>
      <c r="F5" s="304"/>
      <c r="G5" s="304"/>
      <c r="H5" s="304"/>
      <c r="I5" s="304"/>
      <c r="J5" s="304"/>
      <c r="K5" s="305" t="s">
        <v>402</v>
      </c>
      <c r="L5" s="305"/>
      <c r="M5" s="305"/>
      <c r="N5" s="305"/>
      <c r="O5" s="305"/>
      <c r="P5" s="205"/>
    </row>
    <row r="6" spans="1:17" s="148" customFormat="1" ht="21.95" customHeight="1" x14ac:dyDescent="0.15">
      <c r="A6" s="232"/>
      <c r="B6" s="232"/>
      <c r="C6" s="232"/>
      <c r="D6" s="232"/>
      <c r="E6" s="232"/>
      <c r="F6" s="232"/>
      <c r="G6" s="232"/>
      <c r="H6" s="232"/>
      <c r="I6" s="232"/>
      <c r="J6" s="232"/>
      <c r="K6" s="233"/>
      <c r="L6" s="233"/>
      <c r="M6" s="233"/>
      <c r="N6" s="233"/>
      <c r="O6" s="233"/>
      <c r="P6" s="205"/>
    </row>
    <row r="7" spans="1:17" x14ac:dyDescent="0.15">
      <c r="M7" s="94"/>
      <c r="N7" s="94" t="s">
        <v>219</v>
      </c>
    </row>
    <row r="8" spans="1:17" ht="21.75" customHeight="1" x14ac:dyDescent="0.15">
      <c r="B8" s="309" t="s">
        <v>220</v>
      </c>
      <c r="C8" s="310"/>
      <c r="D8" s="310"/>
      <c r="E8" s="310"/>
      <c r="F8" s="310"/>
      <c r="G8" s="310"/>
      <c r="H8" s="311"/>
      <c r="I8" s="315" t="s">
        <v>221</v>
      </c>
      <c r="J8" s="317" t="s">
        <v>222</v>
      </c>
      <c r="K8" s="317" t="s">
        <v>223</v>
      </c>
      <c r="L8" s="317" t="s">
        <v>224</v>
      </c>
      <c r="M8" s="317" t="s">
        <v>225</v>
      </c>
      <c r="N8" s="317" t="s">
        <v>226</v>
      </c>
    </row>
    <row r="9" spans="1:17" ht="21.95" customHeight="1" x14ac:dyDescent="0.15">
      <c r="B9" s="312"/>
      <c r="C9" s="313"/>
      <c r="D9" s="313"/>
      <c r="E9" s="313"/>
      <c r="F9" s="313"/>
      <c r="G9" s="313"/>
      <c r="H9" s="314"/>
      <c r="I9" s="316"/>
      <c r="J9" s="318"/>
      <c r="K9" s="318"/>
      <c r="L9" s="318"/>
      <c r="M9" s="318"/>
      <c r="N9" s="318"/>
    </row>
    <row r="10" spans="1:17" ht="21.95" customHeight="1" x14ac:dyDescent="0.15">
      <c r="B10" s="127" t="s">
        <v>414</v>
      </c>
      <c r="C10" s="125"/>
      <c r="D10" s="125"/>
      <c r="E10" s="125"/>
      <c r="F10" s="125"/>
      <c r="G10" s="125"/>
      <c r="H10" s="126"/>
      <c r="I10" s="92">
        <v>19389862351</v>
      </c>
      <c r="J10" s="92">
        <v>0</v>
      </c>
      <c r="K10" s="92">
        <v>0</v>
      </c>
      <c r="L10" s="92">
        <v>0</v>
      </c>
      <c r="M10" s="93">
        <v>0</v>
      </c>
      <c r="N10" s="92">
        <v>19389862351</v>
      </c>
    </row>
    <row r="11" spans="1:17" ht="22.5" customHeight="1" x14ac:dyDescent="0.15">
      <c r="B11" s="127" t="s">
        <v>415</v>
      </c>
      <c r="C11" s="128"/>
      <c r="D11" s="128"/>
      <c r="E11" s="128"/>
      <c r="F11" s="128"/>
      <c r="G11" s="128"/>
      <c r="H11" s="129"/>
      <c r="I11" s="92">
        <v>335253199</v>
      </c>
      <c r="J11" s="92">
        <v>0</v>
      </c>
      <c r="K11" s="92">
        <v>0</v>
      </c>
      <c r="L11" s="92">
        <v>0</v>
      </c>
      <c r="M11" s="93">
        <v>0</v>
      </c>
      <c r="N11" s="92">
        <v>335253199</v>
      </c>
      <c r="Q11" s="136"/>
    </row>
    <row r="12" spans="1:17" ht="22.5" customHeight="1" x14ac:dyDescent="0.15">
      <c r="B12" s="127" t="s">
        <v>285</v>
      </c>
      <c r="C12" s="128"/>
      <c r="D12" s="128"/>
      <c r="E12" s="128"/>
      <c r="F12" s="128"/>
      <c r="G12" s="128"/>
      <c r="H12" s="129"/>
      <c r="I12" s="92">
        <v>525746040</v>
      </c>
      <c r="J12" s="92">
        <v>0</v>
      </c>
      <c r="K12" s="92">
        <v>0</v>
      </c>
      <c r="L12" s="92">
        <v>0</v>
      </c>
      <c r="M12" s="93">
        <v>0</v>
      </c>
      <c r="N12" s="92">
        <v>525746040</v>
      </c>
      <c r="Q12" s="136"/>
    </row>
    <row r="13" spans="1:17" ht="22.5" customHeight="1" x14ac:dyDescent="0.15">
      <c r="B13" s="127" t="s">
        <v>286</v>
      </c>
      <c r="C13" s="128"/>
      <c r="D13" s="128"/>
      <c r="E13" s="128"/>
      <c r="F13" s="128"/>
      <c r="G13" s="128"/>
      <c r="H13" s="129"/>
      <c r="I13" s="92">
        <v>297263261</v>
      </c>
      <c r="J13" s="92">
        <v>0</v>
      </c>
      <c r="K13" s="92">
        <v>0</v>
      </c>
      <c r="L13" s="92">
        <v>0</v>
      </c>
      <c r="M13" s="93">
        <v>0</v>
      </c>
      <c r="N13" s="92">
        <v>297263261</v>
      </c>
      <c r="Q13" s="136"/>
    </row>
    <row r="14" spans="1:17" ht="22.5" customHeight="1" x14ac:dyDescent="0.15">
      <c r="B14" s="127" t="s">
        <v>287</v>
      </c>
      <c r="C14" s="128"/>
      <c r="D14" s="128"/>
      <c r="E14" s="128"/>
      <c r="F14" s="128"/>
      <c r="G14" s="128"/>
      <c r="H14" s="129"/>
      <c r="I14" s="92">
        <v>1231414988</v>
      </c>
      <c r="J14" s="92">
        <v>0</v>
      </c>
      <c r="K14" s="92">
        <v>0</v>
      </c>
      <c r="L14" s="92">
        <v>0</v>
      </c>
      <c r="M14" s="93">
        <v>0</v>
      </c>
      <c r="N14" s="92">
        <v>1231414988</v>
      </c>
      <c r="Q14" s="136"/>
    </row>
    <row r="15" spans="1:17" ht="22.5" customHeight="1" x14ac:dyDescent="0.15">
      <c r="B15" s="127" t="s">
        <v>288</v>
      </c>
      <c r="C15" s="128"/>
      <c r="D15" s="128"/>
      <c r="E15" s="128"/>
      <c r="F15" s="128"/>
      <c r="G15" s="128"/>
      <c r="H15" s="129"/>
      <c r="I15" s="92">
        <v>307248343</v>
      </c>
      <c r="J15" s="92">
        <v>0</v>
      </c>
      <c r="K15" s="92">
        <v>0</v>
      </c>
      <c r="L15" s="92">
        <v>0</v>
      </c>
      <c r="M15" s="93">
        <v>0</v>
      </c>
      <c r="N15" s="92">
        <v>307248343</v>
      </c>
      <c r="Q15" s="136"/>
    </row>
    <row r="16" spans="1:17" ht="22.5" customHeight="1" x14ac:dyDescent="0.15">
      <c r="B16" s="127" t="s">
        <v>416</v>
      </c>
      <c r="C16" s="128"/>
      <c r="D16" s="128"/>
      <c r="E16" s="128"/>
      <c r="F16" s="128"/>
      <c r="G16" s="128"/>
      <c r="H16" s="129"/>
      <c r="I16" s="92">
        <v>268195892</v>
      </c>
      <c r="J16" s="92">
        <v>0</v>
      </c>
      <c r="K16" s="92">
        <v>0</v>
      </c>
      <c r="L16" s="92">
        <v>0</v>
      </c>
      <c r="M16" s="93">
        <v>0</v>
      </c>
      <c r="N16" s="92">
        <v>268195892</v>
      </c>
      <c r="Q16" s="136"/>
    </row>
    <row r="17" spans="2:17" ht="22.5" customHeight="1" x14ac:dyDescent="0.15">
      <c r="B17" s="127" t="s">
        <v>417</v>
      </c>
      <c r="C17" s="128"/>
      <c r="D17" s="128"/>
      <c r="E17" s="128"/>
      <c r="F17" s="128"/>
      <c r="G17" s="128"/>
      <c r="H17" s="129"/>
      <c r="I17" s="92">
        <v>1068709663</v>
      </c>
      <c r="J17" s="92">
        <v>399182000</v>
      </c>
      <c r="K17" s="92">
        <v>0</v>
      </c>
      <c r="L17" s="92">
        <v>0</v>
      </c>
      <c r="M17" s="93">
        <v>365900</v>
      </c>
      <c r="N17" s="92">
        <v>1468257563</v>
      </c>
      <c r="Q17" s="136"/>
    </row>
    <row r="18" spans="2:17" ht="22.5" customHeight="1" x14ac:dyDescent="0.15">
      <c r="B18" s="127" t="s">
        <v>418</v>
      </c>
      <c r="C18" s="128"/>
      <c r="D18" s="128"/>
      <c r="E18" s="128"/>
      <c r="F18" s="128"/>
      <c r="G18" s="128"/>
      <c r="H18" s="129"/>
      <c r="I18" s="92">
        <v>911424</v>
      </c>
      <c r="J18" s="92">
        <v>0</v>
      </c>
      <c r="K18" s="92">
        <v>0</v>
      </c>
      <c r="L18" s="92">
        <v>0</v>
      </c>
      <c r="M18" s="93">
        <v>0</v>
      </c>
      <c r="N18" s="92">
        <v>911424</v>
      </c>
      <c r="Q18" s="136"/>
    </row>
    <row r="19" spans="2:17" ht="22.5" customHeight="1" x14ac:dyDescent="0.15">
      <c r="B19" s="127" t="s">
        <v>419</v>
      </c>
      <c r="C19" s="128"/>
      <c r="D19" s="128"/>
      <c r="E19" s="128"/>
      <c r="F19" s="128"/>
      <c r="G19" s="128"/>
      <c r="H19" s="129"/>
      <c r="I19" s="92">
        <v>161605594513</v>
      </c>
      <c r="J19" s="92">
        <v>0</v>
      </c>
      <c r="K19" s="92">
        <v>0</v>
      </c>
      <c r="L19" s="92">
        <v>0</v>
      </c>
      <c r="M19" s="93">
        <v>0</v>
      </c>
      <c r="N19" s="92">
        <v>161605594513</v>
      </c>
      <c r="Q19" s="136"/>
    </row>
    <row r="20" spans="2:17" ht="22.5" customHeight="1" x14ac:dyDescent="0.15">
      <c r="B20" s="127" t="s">
        <v>420</v>
      </c>
      <c r="C20" s="128"/>
      <c r="D20" s="128"/>
      <c r="E20" s="128"/>
      <c r="F20" s="128"/>
      <c r="G20" s="128"/>
      <c r="H20" s="129"/>
      <c r="I20" s="92">
        <v>8260783097</v>
      </c>
      <c r="J20" s="92">
        <v>0</v>
      </c>
      <c r="K20" s="92">
        <v>0</v>
      </c>
      <c r="L20" s="92">
        <v>0</v>
      </c>
      <c r="M20" s="93">
        <v>0</v>
      </c>
      <c r="N20" s="92">
        <v>8260783097</v>
      </c>
      <c r="Q20" s="136"/>
    </row>
    <row r="21" spans="2:17" ht="22.5" customHeight="1" x14ac:dyDescent="0.15">
      <c r="B21" s="127" t="s">
        <v>421</v>
      </c>
      <c r="C21" s="128"/>
      <c r="D21" s="128"/>
      <c r="E21" s="128"/>
      <c r="F21" s="128"/>
      <c r="G21" s="128"/>
      <c r="H21" s="129"/>
      <c r="I21" s="92">
        <v>267714920</v>
      </c>
      <c r="J21" s="92">
        <v>0</v>
      </c>
      <c r="K21" s="92">
        <v>0</v>
      </c>
      <c r="L21" s="92">
        <v>0</v>
      </c>
      <c r="M21" s="93">
        <v>0</v>
      </c>
      <c r="N21" s="92">
        <v>267714920</v>
      </c>
      <c r="Q21" s="136"/>
    </row>
    <row r="22" spans="2:17" ht="22.5" customHeight="1" x14ac:dyDescent="0.15">
      <c r="B22" s="127" t="s">
        <v>289</v>
      </c>
      <c r="C22" s="128"/>
      <c r="D22" s="128"/>
      <c r="E22" s="128"/>
      <c r="F22" s="128"/>
      <c r="G22" s="128"/>
      <c r="H22" s="129"/>
      <c r="I22" s="92">
        <v>548192888</v>
      </c>
      <c r="J22" s="92">
        <v>0</v>
      </c>
      <c r="K22" s="92">
        <v>0</v>
      </c>
      <c r="L22" s="92">
        <v>0</v>
      </c>
      <c r="M22" s="93">
        <v>0</v>
      </c>
      <c r="N22" s="92">
        <v>548192888</v>
      </c>
      <c r="Q22" s="136"/>
    </row>
    <row r="23" spans="2:17" ht="22.5" customHeight="1" x14ac:dyDescent="0.15">
      <c r="B23" s="127" t="s">
        <v>422</v>
      </c>
      <c r="C23" s="128"/>
      <c r="D23" s="128"/>
      <c r="E23" s="128"/>
      <c r="F23" s="128"/>
      <c r="G23" s="128"/>
      <c r="H23" s="129"/>
      <c r="I23" s="92">
        <v>302145342</v>
      </c>
      <c r="J23" s="92">
        <v>309460600</v>
      </c>
      <c r="K23" s="92">
        <v>0</v>
      </c>
      <c r="L23" s="92">
        <v>0</v>
      </c>
      <c r="M23" s="93">
        <v>484800</v>
      </c>
      <c r="N23" s="92">
        <v>612090742</v>
      </c>
      <c r="Q23" s="136"/>
    </row>
    <row r="24" spans="2:17" ht="22.5" customHeight="1" x14ac:dyDescent="0.15">
      <c r="B24" s="127" t="s">
        <v>227</v>
      </c>
      <c r="C24" s="128"/>
      <c r="D24" s="128"/>
      <c r="E24" s="128"/>
      <c r="F24" s="128"/>
      <c r="G24" s="128"/>
      <c r="H24" s="129"/>
      <c r="I24" s="92">
        <v>40597071</v>
      </c>
      <c r="J24" s="92">
        <v>199482530</v>
      </c>
      <c r="K24" s="92">
        <v>0</v>
      </c>
      <c r="L24" s="92">
        <v>0</v>
      </c>
      <c r="M24" s="93">
        <v>232570</v>
      </c>
      <c r="N24" s="92">
        <v>240312171</v>
      </c>
      <c r="Q24" s="136"/>
    </row>
    <row r="25" spans="2:17" ht="22.5" customHeight="1" x14ac:dyDescent="0.15">
      <c r="B25" s="127" t="s">
        <v>423</v>
      </c>
      <c r="C25" s="128"/>
      <c r="D25" s="128"/>
      <c r="E25" s="128"/>
      <c r="F25" s="128"/>
      <c r="G25" s="128"/>
      <c r="H25" s="129"/>
      <c r="I25" s="92">
        <v>3610818</v>
      </c>
      <c r="J25" s="92">
        <v>0</v>
      </c>
      <c r="K25" s="92">
        <v>0</v>
      </c>
      <c r="L25" s="92">
        <v>0</v>
      </c>
      <c r="M25" s="93">
        <v>0</v>
      </c>
      <c r="N25" s="92">
        <v>3610818</v>
      </c>
      <c r="Q25" s="136"/>
    </row>
    <row r="26" spans="2:17" ht="22.5" customHeight="1" x14ac:dyDescent="0.15">
      <c r="B26" s="127" t="s">
        <v>424</v>
      </c>
      <c r="C26" s="128"/>
      <c r="D26" s="128"/>
      <c r="E26" s="128"/>
      <c r="F26" s="128"/>
      <c r="G26" s="128"/>
      <c r="H26" s="129"/>
      <c r="I26" s="92">
        <v>10926793</v>
      </c>
      <c r="J26" s="92">
        <v>0</v>
      </c>
      <c r="K26" s="92">
        <v>0</v>
      </c>
      <c r="L26" s="92">
        <v>0</v>
      </c>
      <c r="M26" s="93">
        <v>0</v>
      </c>
      <c r="N26" s="92">
        <v>10926793</v>
      </c>
      <c r="Q26" s="136"/>
    </row>
    <row r="27" spans="2:17" ht="22.5" customHeight="1" x14ac:dyDescent="0.15">
      <c r="B27" s="127" t="s">
        <v>425</v>
      </c>
      <c r="C27" s="128"/>
      <c r="D27" s="128"/>
      <c r="E27" s="128"/>
      <c r="F27" s="128"/>
      <c r="G27" s="128"/>
      <c r="H27" s="129"/>
      <c r="I27" s="92">
        <v>52032646</v>
      </c>
      <c r="J27" s="92">
        <v>0</v>
      </c>
      <c r="K27" s="92">
        <v>0</v>
      </c>
      <c r="L27" s="92">
        <v>0</v>
      </c>
      <c r="M27" s="93">
        <v>0</v>
      </c>
      <c r="N27" s="92">
        <v>52032646</v>
      </c>
      <c r="Q27" s="136"/>
    </row>
    <row r="28" spans="2:17" ht="22.5" customHeight="1" x14ac:dyDescent="0.15">
      <c r="B28" s="127" t="s">
        <v>426</v>
      </c>
      <c r="C28" s="128"/>
      <c r="D28" s="128"/>
      <c r="E28" s="128"/>
      <c r="F28" s="128"/>
      <c r="G28" s="128"/>
      <c r="H28" s="129"/>
      <c r="I28" s="92">
        <v>1176646805</v>
      </c>
      <c r="J28" s="92">
        <v>0</v>
      </c>
      <c r="K28" s="92">
        <v>0</v>
      </c>
      <c r="L28" s="92">
        <v>0</v>
      </c>
      <c r="M28" s="93">
        <v>0</v>
      </c>
      <c r="N28" s="92">
        <v>1176646805</v>
      </c>
      <c r="Q28" s="136"/>
    </row>
    <row r="29" spans="2:17" ht="22.5" customHeight="1" x14ac:dyDescent="0.15">
      <c r="B29" s="127" t="s">
        <v>427</v>
      </c>
      <c r="C29" s="128"/>
      <c r="D29" s="128"/>
      <c r="E29" s="128"/>
      <c r="F29" s="128"/>
      <c r="G29" s="128"/>
      <c r="H29" s="129"/>
      <c r="I29" s="92">
        <v>285182807</v>
      </c>
      <c r="J29" s="92">
        <v>0</v>
      </c>
      <c r="K29" s="92">
        <v>0</v>
      </c>
      <c r="L29" s="92">
        <v>0</v>
      </c>
      <c r="M29" s="93">
        <v>0</v>
      </c>
      <c r="N29" s="92">
        <v>285182807</v>
      </c>
      <c r="Q29" s="136"/>
    </row>
    <row r="30" spans="2:17" ht="22.5" customHeight="1" x14ac:dyDescent="0.15">
      <c r="B30" s="127" t="s">
        <v>428</v>
      </c>
      <c r="C30" s="128"/>
      <c r="D30" s="128"/>
      <c r="E30" s="128"/>
      <c r="F30" s="128"/>
      <c r="G30" s="128"/>
      <c r="H30" s="129"/>
      <c r="I30" s="92">
        <v>590749011</v>
      </c>
      <c r="J30" s="92">
        <v>0</v>
      </c>
      <c r="K30" s="92">
        <v>0</v>
      </c>
      <c r="L30" s="92">
        <v>0</v>
      </c>
      <c r="M30" s="93">
        <v>0</v>
      </c>
      <c r="N30" s="92">
        <v>590749011</v>
      </c>
      <c r="Q30" s="136"/>
    </row>
    <row r="31" spans="2:17" ht="22.5" customHeight="1" x14ac:dyDescent="0.15">
      <c r="B31" s="127" t="s">
        <v>228</v>
      </c>
      <c r="C31" s="128"/>
      <c r="D31" s="128"/>
      <c r="E31" s="128"/>
      <c r="F31" s="128"/>
      <c r="G31" s="128"/>
      <c r="H31" s="129"/>
      <c r="I31" s="92">
        <v>2566903616</v>
      </c>
      <c r="J31" s="92">
        <v>0</v>
      </c>
      <c r="K31" s="92">
        <v>0</v>
      </c>
      <c r="L31" s="92">
        <v>0</v>
      </c>
      <c r="M31" s="93">
        <v>0</v>
      </c>
      <c r="N31" s="92">
        <v>2566903616</v>
      </c>
      <c r="Q31" s="136"/>
    </row>
    <row r="32" spans="2:17" ht="22.5" customHeight="1" x14ac:dyDescent="0.15">
      <c r="B32" s="127" t="s">
        <v>429</v>
      </c>
      <c r="C32" s="244"/>
      <c r="D32" s="244"/>
      <c r="E32" s="244"/>
      <c r="F32" s="244"/>
      <c r="G32" s="128"/>
      <c r="H32" s="129"/>
      <c r="I32" s="92">
        <v>1258164060</v>
      </c>
      <c r="J32" s="92">
        <v>0</v>
      </c>
      <c r="K32" s="92">
        <v>0</v>
      </c>
      <c r="L32" s="92">
        <v>0</v>
      </c>
      <c r="M32" s="93">
        <v>0</v>
      </c>
      <c r="N32" s="92">
        <v>1258164060</v>
      </c>
      <c r="Q32" s="136"/>
    </row>
    <row r="33" spans="2:19" ht="22.5" customHeight="1" x14ac:dyDescent="0.15">
      <c r="B33" s="127" t="s">
        <v>430</v>
      </c>
      <c r="C33" s="244"/>
      <c r="D33" s="244"/>
      <c r="E33" s="244"/>
      <c r="F33" s="244"/>
      <c r="G33" s="128"/>
      <c r="H33" s="129"/>
      <c r="I33" s="92">
        <v>615648868</v>
      </c>
      <c r="J33" s="92">
        <v>0</v>
      </c>
      <c r="K33" s="92">
        <v>0</v>
      </c>
      <c r="L33" s="92">
        <v>0</v>
      </c>
      <c r="M33" s="93">
        <v>0</v>
      </c>
      <c r="N33" s="92">
        <v>615648868</v>
      </c>
      <c r="Q33" s="136"/>
    </row>
    <row r="34" spans="2:19" ht="22.5" customHeight="1" x14ac:dyDescent="0.15">
      <c r="B34" s="127" t="s">
        <v>431</v>
      </c>
      <c r="C34" s="244"/>
      <c r="D34" s="244"/>
      <c r="E34" s="244"/>
      <c r="F34" s="244"/>
      <c r="G34" s="128"/>
      <c r="H34" s="129"/>
      <c r="I34" s="92">
        <v>1691425858</v>
      </c>
      <c r="J34" s="92">
        <v>0</v>
      </c>
      <c r="K34" s="92">
        <v>0</v>
      </c>
      <c r="L34" s="92">
        <v>0</v>
      </c>
      <c r="M34" s="93">
        <v>0</v>
      </c>
      <c r="N34" s="92">
        <v>1691425858</v>
      </c>
      <c r="Q34" s="136"/>
    </row>
    <row r="35" spans="2:19" ht="22.5" customHeight="1" x14ac:dyDescent="0.15">
      <c r="B35" s="127" t="s">
        <v>432</v>
      </c>
      <c r="C35" s="244"/>
      <c r="D35" s="244"/>
      <c r="E35" s="244"/>
      <c r="F35" s="244"/>
      <c r="G35" s="128"/>
      <c r="H35" s="129"/>
      <c r="I35" s="92">
        <v>22633807789</v>
      </c>
      <c r="J35" s="92">
        <v>0</v>
      </c>
      <c r="K35" s="92">
        <v>0</v>
      </c>
      <c r="L35" s="92">
        <v>0</v>
      </c>
      <c r="M35" s="93">
        <v>0</v>
      </c>
      <c r="N35" s="92">
        <v>22633807789</v>
      </c>
      <c r="Q35" s="136"/>
    </row>
    <row r="36" spans="2:19" ht="22.5" customHeight="1" x14ac:dyDescent="0.15">
      <c r="B36" s="127" t="s">
        <v>433</v>
      </c>
      <c r="C36" s="128"/>
      <c r="D36" s="128"/>
      <c r="E36" s="128"/>
      <c r="F36" s="128"/>
      <c r="G36" s="128"/>
      <c r="H36" s="129"/>
      <c r="I36" s="92">
        <v>16156150</v>
      </c>
      <c r="J36" s="92">
        <v>0</v>
      </c>
      <c r="K36" s="92">
        <v>0</v>
      </c>
      <c r="L36" s="92">
        <v>0</v>
      </c>
      <c r="M36" s="93">
        <v>0</v>
      </c>
      <c r="N36" s="92">
        <v>16156150</v>
      </c>
      <c r="Q36" s="136"/>
    </row>
    <row r="37" spans="2:19" ht="22.5" customHeight="1" x14ac:dyDescent="0.15">
      <c r="B37" s="127" t="s">
        <v>229</v>
      </c>
      <c r="C37" s="128"/>
      <c r="D37" s="128"/>
      <c r="E37" s="128"/>
      <c r="F37" s="128"/>
      <c r="G37" s="128"/>
      <c r="H37" s="129"/>
      <c r="I37" s="92">
        <v>189302000</v>
      </c>
      <c r="J37" s="92">
        <v>0</v>
      </c>
      <c r="K37" s="92">
        <v>0</v>
      </c>
      <c r="L37" s="92">
        <v>60698000</v>
      </c>
      <c r="M37" s="93">
        <v>0</v>
      </c>
      <c r="N37" s="92">
        <v>250000000</v>
      </c>
      <c r="Q37" s="136"/>
    </row>
    <row r="38" spans="2:19" ht="22.5" customHeight="1" x14ac:dyDescent="0.15">
      <c r="B38" s="127" t="s">
        <v>434</v>
      </c>
      <c r="C38" s="128"/>
      <c r="D38" s="128"/>
      <c r="E38" s="128"/>
      <c r="F38" s="128"/>
      <c r="G38" s="128"/>
      <c r="H38" s="129"/>
      <c r="I38" s="92">
        <v>27787609</v>
      </c>
      <c r="J38" s="92">
        <v>0</v>
      </c>
      <c r="K38" s="92">
        <v>0</v>
      </c>
      <c r="L38" s="92">
        <v>2212391</v>
      </c>
      <c r="M38" s="93">
        <v>0</v>
      </c>
      <c r="N38" s="92">
        <v>30000000</v>
      </c>
      <c r="Q38" s="136"/>
    </row>
    <row r="39" spans="2:19" ht="22.5" customHeight="1" x14ac:dyDescent="0.15">
      <c r="B39" s="127" t="s">
        <v>435</v>
      </c>
      <c r="C39" s="128"/>
      <c r="D39" s="128"/>
      <c r="E39" s="128"/>
      <c r="F39" s="128"/>
      <c r="G39" s="128"/>
      <c r="H39" s="129"/>
      <c r="I39" s="92">
        <v>13909013</v>
      </c>
      <c r="J39" s="92">
        <v>0</v>
      </c>
      <c r="K39" s="92">
        <v>0</v>
      </c>
      <c r="L39" s="92">
        <v>6090987</v>
      </c>
      <c r="M39" s="93">
        <v>0</v>
      </c>
      <c r="N39" s="92">
        <v>20000000</v>
      </c>
      <c r="Q39" s="136"/>
    </row>
    <row r="40" spans="2:19" ht="22.5" customHeight="1" x14ac:dyDescent="0.15">
      <c r="B40" s="127" t="s">
        <v>436</v>
      </c>
      <c r="C40" s="128"/>
      <c r="D40" s="128"/>
      <c r="E40" s="128"/>
      <c r="F40" s="128"/>
      <c r="G40" s="128"/>
      <c r="H40" s="129"/>
      <c r="I40" s="92">
        <v>9246308168</v>
      </c>
      <c r="J40" s="92">
        <v>0</v>
      </c>
      <c r="K40" s="92">
        <v>11396497732</v>
      </c>
      <c r="L40" s="92">
        <v>0</v>
      </c>
      <c r="M40" s="93">
        <v>0</v>
      </c>
      <c r="N40" s="92">
        <v>20642805900</v>
      </c>
      <c r="Q40" s="136"/>
    </row>
    <row r="41" spans="2:19" ht="22.5" customHeight="1" x14ac:dyDescent="0.15">
      <c r="B41" s="127" t="s">
        <v>437</v>
      </c>
      <c r="C41" s="128"/>
      <c r="D41" s="128"/>
      <c r="E41" s="128"/>
      <c r="F41" s="128"/>
      <c r="G41" s="128"/>
      <c r="H41" s="129"/>
      <c r="I41" s="92">
        <v>500000000</v>
      </c>
      <c r="J41" s="92">
        <v>0</v>
      </c>
      <c r="K41" s="92">
        <v>0</v>
      </c>
      <c r="L41" s="92">
        <v>0</v>
      </c>
      <c r="M41" s="93">
        <v>0</v>
      </c>
      <c r="N41" s="92">
        <v>500000000</v>
      </c>
      <c r="Q41" s="136"/>
    </row>
    <row r="42" spans="2:19" ht="22.5" customHeight="1" x14ac:dyDescent="0.15">
      <c r="B42" s="127" t="s">
        <v>230</v>
      </c>
      <c r="C42" s="128"/>
      <c r="D42" s="128"/>
      <c r="E42" s="128"/>
      <c r="F42" s="128"/>
      <c r="G42" s="128"/>
      <c r="H42" s="129"/>
      <c r="I42" s="92">
        <v>1476491100</v>
      </c>
      <c r="J42" s="92">
        <v>0</v>
      </c>
      <c r="K42" s="92">
        <v>0</v>
      </c>
      <c r="L42" s="92">
        <v>523508900</v>
      </c>
      <c r="M42" s="93">
        <v>0</v>
      </c>
      <c r="N42" s="92">
        <v>2000000000</v>
      </c>
      <c r="Q42" s="136"/>
    </row>
    <row r="43" spans="2:19" ht="22.5" customHeight="1" x14ac:dyDescent="0.15">
      <c r="B43" s="127" t="s">
        <v>231</v>
      </c>
      <c r="C43" s="128"/>
      <c r="D43" s="128"/>
      <c r="E43" s="128"/>
      <c r="F43" s="128"/>
      <c r="G43" s="128"/>
      <c r="H43" s="129"/>
      <c r="I43" s="92">
        <v>250000000</v>
      </c>
      <c r="J43" s="92">
        <v>0</v>
      </c>
      <c r="K43" s="92">
        <v>0</v>
      </c>
      <c r="L43" s="92">
        <v>0</v>
      </c>
      <c r="M43" s="93">
        <v>0</v>
      </c>
      <c r="N43" s="92">
        <v>250000000</v>
      </c>
      <c r="Q43" s="136"/>
    </row>
    <row r="44" spans="2:19" ht="22.5" customHeight="1" x14ac:dyDescent="0.15">
      <c r="B44" s="127" t="s">
        <v>290</v>
      </c>
      <c r="C44" s="128"/>
      <c r="D44" s="128"/>
      <c r="E44" s="128"/>
      <c r="F44" s="128"/>
      <c r="G44" s="128"/>
      <c r="H44" s="129"/>
      <c r="I44" s="92">
        <v>2078350</v>
      </c>
      <c r="J44" s="92">
        <v>0</v>
      </c>
      <c r="K44" s="92">
        <v>0</v>
      </c>
      <c r="L44" s="92">
        <v>2997921650</v>
      </c>
      <c r="M44" s="93">
        <v>0</v>
      </c>
      <c r="N44" s="92">
        <v>3000000000</v>
      </c>
      <c r="Q44" s="136"/>
      <c r="S44" s="136"/>
    </row>
    <row r="45" spans="2:19" ht="22.5" customHeight="1" x14ac:dyDescent="0.15">
      <c r="B45" s="306" t="s">
        <v>232</v>
      </c>
      <c r="C45" s="307"/>
      <c r="D45" s="307"/>
      <c r="E45" s="307"/>
      <c r="F45" s="307"/>
      <c r="G45" s="307"/>
      <c r="H45" s="308"/>
      <c r="I45" s="92">
        <v>237056764453</v>
      </c>
      <c r="J45" s="92">
        <v>908125130</v>
      </c>
      <c r="K45" s="92">
        <v>11396497732</v>
      </c>
      <c r="L45" s="92">
        <v>3590431928</v>
      </c>
      <c r="M45" s="92">
        <v>1083270</v>
      </c>
      <c r="N45" s="92">
        <v>252952902513</v>
      </c>
    </row>
    <row r="47" spans="2:19" x14ac:dyDescent="0.15">
      <c r="N47" s="105" t="str">
        <f>IF(N45=SUM('一般）貸借対照表'!$I$16,'一般）貸借対照表'!$I$53),"〇","×")</f>
        <v>〇</v>
      </c>
    </row>
  </sheetData>
  <mergeCells count="11">
    <mergeCell ref="A1:K1"/>
    <mergeCell ref="A5:J5"/>
    <mergeCell ref="K5:O5"/>
    <mergeCell ref="B45:H45"/>
    <mergeCell ref="B8:H9"/>
    <mergeCell ref="I8:I9"/>
    <mergeCell ref="J8:J9"/>
    <mergeCell ref="K8:K9"/>
    <mergeCell ref="L8:L9"/>
    <mergeCell ref="M8:M9"/>
    <mergeCell ref="N8:N9"/>
  </mergeCells>
  <phoneticPr fontId="24"/>
  <printOptions horizontalCentered="1"/>
  <pageMargins left="0.19685039370078741" right="0.19685039370078741" top="0.31496062992125984" bottom="0.19685039370078741" header="0.11811023622047245" footer="0.11811023622047245"/>
  <pageSetup paperSize="9" scale="58" firstPageNumber="10" fitToWidth="2" fitToHeight="0" orientation="portrait" useFirstPageNumber="1" r:id="rId1"/>
  <headerFooter>
    <oddFooter>&amp;C&amp;"ＭＳ Ｐ明朝,標準"&amp;20&amp;P</oddFooter>
  </headerFooter>
  <colBreaks count="2" manualBreakCount="2">
    <brk id="10" max="50" man="1"/>
    <brk id="19" min="6" max="36"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AE124"/>
  <sheetViews>
    <sheetView showGridLines="0" view="pageBreakPreview" zoomScaleNormal="70" zoomScaleSheetLayoutView="100" workbookViewId="0">
      <selection sqref="A1:K1"/>
    </sheetView>
  </sheetViews>
  <sheetFormatPr defaultColWidth="8.875" defaultRowHeight="18.75" x14ac:dyDescent="0.15"/>
  <cols>
    <col min="1" max="1" width="20.625" style="73" customWidth="1"/>
    <col min="2" max="7" width="3.5" style="73" customWidth="1"/>
    <col min="8" max="8" width="50.25" style="73" customWidth="1"/>
    <col min="9" max="9" width="23.375" style="73" customWidth="1"/>
    <col min="10" max="10" width="24.75" style="73" customWidth="1"/>
    <col min="11" max="12" width="28.125" style="73" customWidth="1"/>
    <col min="13" max="13" width="27.625" style="73" customWidth="1"/>
    <col min="14" max="14" width="25.25" style="73" customWidth="1"/>
    <col min="15" max="15" width="30.375" style="73" customWidth="1"/>
    <col min="16" max="16" width="18.625" style="73" customWidth="1"/>
    <col min="17" max="17" width="30.5" style="73" customWidth="1"/>
    <col min="18" max="18" width="2.625" style="73" customWidth="1"/>
    <col min="19" max="19" width="6.875" style="111" bestFit="1" customWidth="1"/>
    <col min="20" max="20" width="13.25" style="111" customWidth="1"/>
    <col min="21" max="21" width="13.875" style="111" customWidth="1"/>
    <col min="22" max="23" width="8.875" style="111"/>
    <col min="24" max="24" width="12.5" style="111" bestFit="1" customWidth="1"/>
    <col min="25" max="25" width="12.75" style="111" bestFit="1" customWidth="1"/>
    <col min="26" max="26" width="31" style="210" bestFit="1" customWidth="1"/>
    <col min="27" max="27" width="13.5" style="111" customWidth="1"/>
    <col min="28" max="28" width="25.75" style="122" bestFit="1" customWidth="1"/>
    <col min="29" max="29" width="8.875" style="73"/>
    <col min="30" max="30" width="25.75" style="73" bestFit="1" customWidth="1"/>
    <col min="31" max="16384" width="8.875" style="73"/>
  </cols>
  <sheetData>
    <row r="1" spans="1:29" s="102" customFormat="1" ht="22.5" customHeight="1" x14ac:dyDescent="0.15">
      <c r="A1" s="275" t="s">
        <v>397</v>
      </c>
      <c r="B1" s="275"/>
      <c r="C1" s="275"/>
      <c r="D1" s="275"/>
      <c r="E1" s="275"/>
      <c r="F1" s="275"/>
      <c r="G1" s="275"/>
      <c r="H1" s="275"/>
      <c r="I1" s="275"/>
      <c r="J1" s="275"/>
      <c r="K1" s="275"/>
      <c r="S1" s="203"/>
      <c r="T1" s="203"/>
      <c r="U1" s="203"/>
      <c r="V1" s="203"/>
      <c r="W1" s="203"/>
      <c r="X1" s="203"/>
      <c r="Y1" s="203"/>
      <c r="Z1" s="203"/>
      <c r="AA1" s="203"/>
    </row>
    <row r="2" spans="1:29" s="1" customFormat="1" ht="22.5" customHeight="1" x14ac:dyDescent="0.15">
      <c r="B2" s="103"/>
      <c r="S2" s="204"/>
      <c r="T2" s="204"/>
      <c r="U2" s="204"/>
      <c r="V2" s="204"/>
      <c r="W2" s="204"/>
      <c r="X2" s="204"/>
      <c r="Y2" s="204"/>
      <c r="Z2" s="204"/>
      <c r="AA2" s="204"/>
    </row>
    <row r="3" spans="1:29" s="1" customFormat="1" ht="22.5" customHeight="1" x14ac:dyDescent="0.15">
      <c r="B3" s="103"/>
      <c r="S3" s="204"/>
      <c r="T3" s="204"/>
      <c r="U3" s="204"/>
      <c r="V3" s="204"/>
      <c r="W3" s="204"/>
      <c r="X3" s="204"/>
      <c r="Y3" s="204"/>
      <c r="Z3" s="204"/>
      <c r="AA3" s="204"/>
    </row>
    <row r="4" spans="1:29" s="1" customFormat="1" ht="22.5" customHeight="1" x14ac:dyDescent="0.15">
      <c r="B4" s="103"/>
      <c r="S4" s="204"/>
      <c r="T4" s="204"/>
      <c r="U4" s="204"/>
      <c r="V4" s="204"/>
      <c r="W4" s="204"/>
      <c r="X4" s="204"/>
      <c r="Y4" s="204"/>
      <c r="Z4" s="204"/>
      <c r="AA4" s="204"/>
    </row>
    <row r="5" spans="1:29" s="148" customFormat="1" ht="28.5" customHeight="1" x14ac:dyDescent="0.15">
      <c r="A5" s="304" t="s">
        <v>403</v>
      </c>
      <c r="B5" s="304"/>
      <c r="C5" s="304"/>
      <c r="D5" s="304"/>
      <c r="E5" s="304"/>
      <c r="F5" s="304"/>
      <c r="G5" s="304"/>
      <c r="H5" s="304"/>
      <c r="I5" s="304"/>
      <c r="J5" s="304"/>
      <c r="K5" s="304"/>
      <c r="L5" s="305" t="s">
        <v>402</v>
      </c>
      <c r="M5" s="305"/>
      <c r="N5" s="305"/>
      <c r="O5" s="305"/>
      <c r="P5" s="305"/>
      <c r="Q5" s="305"/>
      <c r="R5" s="305"/>
      <c r="S5" s="209"/>
      <c r="T5" s="209"/>
      <c r="U5" s="209"/>
      <c r="V5" s="209"/>
      <c r="W5" s="209"/>
      <c r="X5" s="209"/>
      <c r="Y5" s="209"/>
      <c r="Z5" s="209"/>
      <c r="AA5" s="209"/>
    </row>
    <row r="6" spans="1:29" ht="21.95" customHeight="1" x14ac:dyDescent="0.15">
      <c r="L6" s="101"/>
      <c r="M6" s="101"/>
      <c r="N6" s="101"/>
      <c r="O6" s="101"/>
      <c r="P6" s="101"/>
      <c r="Q6" s="101"/>
      <c r="R6" s="110"/>
      <c r="S6" s="110"/>
    </row>
    <row r="7" spans="1:29" x14ac:dyDescent="0.15">
      <c r="B7" s="73" t="s">
        <v>233</v>
      </c>
      <c r="M7" s="94" t="s">
        <v>219</v>
      </c>
    </row>
    <row r="8" spans="1:29" ht="21.75" customHeight="1" x14ac:dyDescent="0.15">
      <c r="B8" s="309" t="s">
        <v>234</v>
      </c>
      <c r="C8" s="310"/>
      <c r="D8" s="310"/>
      <c r="E8" s="310"/>
      <c r="F8" s="310"/>
      <c r="G8" s="310"/>
      <c r="H8" s="311"/>
      <c r="I8" s="107" t="s">
        <v>235</v>
      </c>
      <c r="J8" s="108" t="s">
        <v>236</v>
      </c>
      <c r="K8" s="108" t="s">
        <v>237</v>
      </c>
      <c r="L8" s="108" t="s">
        <v>238</v>
      </c>
      <c r="M8" s="108" t="s">
        <v>239</v>
      </c>
    </row>
    <row r="9" spans="1:29" ht="21.95" customHeight="1" x14ac:dyDescent="0.15">
      <c r="B9" s="312"/>
      <c r="C9" s="313"/>
      <c r="D9" s="313"/>
      <c r="E9" s="313"/>
      <c r="F9" s="313"/>
      <c r="G9" s="313"/>
      <c r="H9" s="314"/>
      <c r="I9" s="109" t="s">
        <v>211</v>
      </c>
      <c r="J9" s="109" t="s">
        <v>212</v>
      </c>
      <c r="K9" s="109" t="s">
        <v>240</v>
      </c>
      <c r="L9" s="109" t="s">
        <v>241</v>
      </c>
      <c r="M9" s="109" t="s">
        <v>242</v>
      </c>
    </row>
    <row r="10" spans="1:29" ht="21.75" customHeight="1" x14ac:dyDescent="0.15">
      <c r="B10" s="319" t="s">
        <v>243</v>
      </c>
      <c r="C10" s="320"/>
      <c r="D10" s="320"/>
      <c r="E10" s="320"/>
      <c r="F10" s="320"/>
      <c r="G10" s="320"/>
      <c r="H10" s="321"/>
      <c r="I10" s="112">
        <v>68286880</v>
      </c>
      <c r="J10" s="113">
        <v>1203.5</v>
      </c>
      <c r="K10" s="137">
        <v>82183260080</v>
      </c>
      <c r="L10" s="137">
        <v>31550265950</v>
      </c>
      <c r="M10" s="137">
        <v>50632994130</v>
      </c>
    </row>
    <row r="11" spans="1:29" ht="21.95" customHeight="1" x14ac:dyDescent="0.15">
      <c r="B11" s="306" t="s">
        <v>232</v>
      </c>
      <c r="C11" s="307"/>
      <c r="D11" s="307"/>
      <c r="E11" s="307"/>
      <c r="F11" s="307"/>
      <c r="G11" s="307"/>
      <c r="H11" s="308"/>
      <c r="I11" s="95"/>
      <c r="J11" s="95"/>
      <c r="K11" s="92">
        <f>SUM(K10)</f>
        <v>82183260080</v>
      </c>
      <c r="L11" s="92">
        <f t="shared" ref="L11:M11" si="0">SUM(L10)</f>
        <v>31550265950</v>
      </c>
      <c r="M11" s="92">
        <f t="shared" si="0"/>
        <v>50632994130</v>
      </c>
    </row>
    <row r="12" spans="1:29" ht="21.95" customHeight="1" x14ac:dyDescent="0.15">
      <c r="B12" s="106"/>
      <c r="C12" s="106"/>
      <c r="D12" s="106"/>
      <c r="E12" s="106"/>
      <c r="F12" s="106"/>
      <c r="G12" s="106"/>
      <c r="H12" s="106"/>
      <c r="I12" s="96"/>
      <c r="J12" s="96"/>
      <c r="K12" s="96"/>
      <c r="L12" s="96"/>
      <c r="M12" s="96"/>
    </row>
    <row r="13" spans="1:29" x14ac:dyDescent="0.15">
      <c r="B13" s="73" t="s">
        <v>244</v>
      </c>
      <c r="M13" s="94"/>
      <c r="N13" s="94"/>
      <c r="O13" s="94" t="s">
        <v>219</v>
      </c>
    </row>
    <row r="14" spans="1:29" ht="21.95" customHeight="1" x14ac:dyDescent="0.15">
      <c r="B14" s="309" t="s">
        <v>245</v>
      </c>
      <c r="C14" s="310"/>
      <c r="D14" s="310"/>
      <c r="E14" s="310"/>
      <c r="F14" s="310"/>
      <c r="G14" s="310"/>
      <c r="H14" s="311"/>
      <c r="I14" s="315" t="s">
        <v>246</v>
      </c>
      <c r="J14" s="107" t="s">
        <v>247</v>
      </c>
      <c r="K14" s="107" t="s">
        <v>235</v>
      </c>
      <c r="L14" s="108" t="s">
        <v>248</v>
      </c>
      <c r="M14" s="108" t="s">
        <v>249</v>
      </c>
      <c r="N14" s="108" t="s">
        <v>250</v>
      </c>
      <c r="O14" s="108" t="s">
        <v>251</v>
      </c>
    </row>
    <row r="15" spans="1:29" ht="21.95" customHeight="1" x14ac:dyDescent="0.15">
      <c r="B15" s="312"/>
      <c r="C15" s="313"/>
      <c r="D15" s="313"/>
      <c r="E15" s="313"/>
      <c r="F15" s="313"/>
      <c r="G15" s="313"/>
      <c r="H15" s="314"/>
      <c r="I15" s="316"/>
      <c r="J15" s="109" t="s">
        <v>333</v>
      </c>
      <c r="K15" s="109" t="s">
        <v>334</v>
      </c>
      <c r="L15" s="109" t="s">
        <v>335</v>
      </c>
      <c r="M15" s="109" t="s">
        <v>336</v>
      </c>
      <c r="N15" s="109" t="s">
        <v>337</v>
      </c>
      <c r="O15" s="109" t="s">
        <v>338</v>
      </c>
    </row>
    <row r="16" spans="1:29" ht="21.95" customHeight="1" x14ac:dyDescent="0.15">
      <c r="B16" s="142" t="s">
        <v>354</v>
      </c>
      <c r="C16" s="143"/>
      <c r="D16" s="143"/>
      <c r="E16" s="143"/>
      <c r="F16" s="143"/>
      <c r="G16" s="143"/>
      <c r="H16" s="144"/>
      <c r="I16" s="137">
        <v>1040000</v>
      </c>
      <c r="J16" s="137">
        <v>1040000</v>
      </c>
      <c r="K16" s="112">
        <v>26</v>
      </c>
      <c r="L16" s="141">
        <v>46933966</v>
      </c>
      <c r="M16" s="140">
        <v>1220283116</v>
      </c>
      <c r="N16" s="137">
        <v>0</v>
      </c>
      <c r="O16" s="137">
        <v>1040000</v>
      </c>
      <c r="P16" s="97"/>
      <c r="AC16" s="147"/>
    </row>
    <row r="17" spans="2:29" ht="21.95" customHeight="1" x14ac:dyDescent="0.15">
      <c r="B17" s="130" t="s">
        <v>389</v>
      </c>
      <c r="C17" s="133"/>
      <c r="D17" s="133"/>
      <c r="E17" s="133"/>
      <c r="F17" s="133"/>
      <c r="G17" s="133"/>
      <c r="H17" s="132"/>
      <c r="I17" s="137">
        <v>468830967733</v>
      </c>
      <c r="J17" s="137">
        <v>468830967733</v>
      </c>
      <c r="K17" s="112">
        <v>9376619</v>
      </c>
      <c r="L17" s="141">
        <v>55683.15</v>
      </c>
      <c r="M17" s="140">
        <v>522119682270</v>
      </c>
      <c r="N17" s="137">
        <v>0</v>
      </c>
      <c r="O17" s="137">
        <v>468830967733</v>
      </c>
      <c r="P17" s="97"/>
      <c r="AC17" s="147"/>
    </row>
    <row r="18" spans="2:29" ht="21.75" customHeight="1" x14ac:dyDescent="0.15">
      <c r="B18" s="142" t="s">
        <v>296</v>
      </c>
      <c r="C18" s="143"/>
      <c r="D18" s="143"/>
      <c r="E18" s="143"/>
      <c r="F18" s="143"/>
      <c r="G18" s="143"/>
      <c r="H18" s="144"/>
      <c r="I18" s="114">
        <v>300000000</v>
      </c>
      <c r="J18" s="137">
        <v>300000000</v>
      </c>
      <c r="K18" s="115">
        <v>30000</v>
      </c>
      <c r="L18" s="141">
        <v>91850.240000000005</v>
      </c>
      <c r="M18" s="140">
        <v>2755507200</v>
      </c>
      <c r="N18" s="137">
        <v>0</v>
      </c>
      <c r="O18" s="137">
        <v>300000000</v>
      </c>
      <c r="P18" s="97"/>
      <c r="AC18" s="147"/>
    </row>
    <row r="19" spans="2:29" ht="21.75" customHeight="1" x14ac:dyDescent="0.15">
      <c r="B19" s="142" t="s">
        <v>292</v>
      </c>
      <c r="C19" s="143"/>
      <c r="D19" s="143"/>
      <c r="E19" s="143"/>
      <c r="F19" s="143"/>
      <c r="G19" s="143"/>
      <c r="H19" s="144"/>
      <c r="I19" s="137">
        <v>5971416200</v>
      </c>
      <c r="J19" s="137">
        <v>5971416200</v>
      </c>
      <c r="K19" s="112">
        <v>1760589</v>
      </c>
      <c r="L19" s="141">
        <v>4120.41</v>
      </c>
      <c r="M19" s="140">
        <v>7254348521</v>
      </c>
      <c r="N19" s="137">
        <v>0</v>
      </c>
      <c r="O19" s="137">
        <v>5971416200</v>
      </c>
      <c r="P19" s="97"/>
      <c r="AC19" s="147"/>
    </row>
    <row r="20" spans="2:29" ht="21.95" customHeight="1" x14ac:dyDescent="0.15">
      <c r="B20" s="142" t="s">
        <v>293</v>
      </c>
      <c r="C20" s="143"/>
      <c r="D20" s="143"/>
      <c r="E20" s="143"/>
      <c r="F20" s="143"/>
      <c r="G20" s="143"/>
      <c r="H20" s="144"/>
      <c r="I20" s="137">
        <v>11500000000</v>
      </c>
      <c r="J20" s="137">
        <v>0</v>
      </c>
      <c r="K20" s="112">
        <v>4000150000</v>
      </c>
      <c r="L20" s="141">
        <v>-2.81</v>
      </c>
      <c r="M20" s="140">
        <v>-11240421500</v>
      </c>
      <c r="N20" s="137">
        <v>0</v>
      </c>
      <c r="O20" s="137">
        <v>0</v>
      </c>
      <c r="P20" s="97"/>
      <c r="AC20" s="147"/>
    </row>
    <row r="21" spans="2:29" ht="21.95" customHeight="1" x14ac:dyDescent="0.15">
      <c r="B21" s="142" t="s">
        <v>295</v>
      </c>
      <c r="C21" s="143"/>
      <c r="D21" s="143"/>
      <c r="E21" s="143"/>
      <c r="F21" s="143"/>
      <c r="G21" s="143"/>
      <c r="H21" s="144"/>
      <c r="I21" s="137">
        <v>459000000</v>
      </c>
      <c r="J21" s="137">
        <v>459000000</v>
      </c>
      <c r="K21" s="112">
        <v>9180</v>
      </c>
      <c r="L21" s="141">
        <v>55141.77</v>
      </c>
      <c r="M21" s="140">
        <v>506201449</v>
      </c>
      <c r="N21" s="137">
        <v>0</v>
      </c>
      <c r="O21" s="137">
        <v>459000000</v>
      </c>
      <c r="P21" s="97"/>
      <c r="AC21" s="147"/>
    </row>
    <row r="22" spans="2:29" ht="21.95" customHeight="1" x14ac:dyDescent="0.15">
      <c r="B22" s="142" t="s">
        <v>294</v>
      </c>
      <c r="C22" s="143"/>
      <c r="D22" s="143"/>
      <c r="E22" s="143"/>
      <c r="F22" s="143"/>
      <c r="G22" s="143"/>
      <c r="H22" s="144"/>
      <c r="I22" s="137">
        <v>330000000</v>
      </c>
      <c r="J22" s="137">
        <v>22660308</v>
      </c>
      <c r="K22" s="112">
        <v>6600</v>
      </c>
      <c r="L22" s="141">
        <v>6546.9</v>
      </c>
      <c r="M22" s="140">
        <v>43209540</v>
      </c>
      <c r="N22" s="137">
        <v>0</v>
      </c>
      <c r="O22" s="137">
        <v>22660308</v>
      </c>
      <c r="P22" s="97"/>
      <c r="AC22" s="147"/>
    </row>
    <row r="23" spans="2:29" ht="21.75" customHeight="1" x14ac:dyDescent="0.15">
      <c r="B23" s="130" t="s">
        <v>392</v>
      </c>
      <c r="C23" s="133"/>
      <c r="D23" s="133"/>
      <c r="E23" s="133"/>
      <c r="F23" s="133"/>
      <c r="G23" s="133"/>
      <c r="H23" s="132"/>
      <c r="I23" s="116">
        <v>15000000</v>
      </c>
      <c r="J23" s="137">
        <v>4507320</v>
      </c>
      <c r="K23" s="117">
        <v>300</v>
      </c>
      <c r="L23" s="141">
        <v>1289.95</v>
      </c>
      <c r="M23" s="140">
        <v>386985</v>
      </c>
      <c r="N23" s="137">
        <v>4120335</v>
      </c>
      <c r="O23" s="137">
        <v>386985</v>
      </c>
      <c r="P23" s="97"/>
      <c r="AC23" s="147"/>
    </row>
    <row r="24" spans="2:29" ht="21.95" customHeight="1" x14ac:dyDescent="0.15">
      <c r="B24" s="142" t="s">
        <v>291</v>
      </c>
      <c r="C24" s="143"/>
      <c r="D24" s="143"/>
      <c r="E24" s="143"/>
      <c r="F24" s="143"/>
      <c r="G24" s="143"/>
      <c r="H24" s="144"/>
      <c r="I24" s="137">
        <v>4505000000</v>
      </c>
      <c r="J24" s="137">
        <v>4505000000</v>
      </c>
      <c r="K24" s="112">
        <v>90100</v>
      </c>
      <c r="L24" s="141">
        <v>92824.66</v>
      </c>
      <c r="M24" s="140">
        <v>8363501866</v>
      </c>
      <c r="N24" s="137">
        <v>0</v>
      </c>
      <c r="O24" s="137">
        <v>4505000000</v>
      </c>
      <c r="P24" s="97"/>
      <c r="AC24" s="147"/>
    </row>
    <row r="25" spans="2:29" ht="21.95" customHeight="1" x14ac:dyDescent="0.15">
      <c r="B25" s="142" t="s">
        <v>297</v>
      </c>
      <c r="C25" s="143"/>
      <c r="D25" s="143"/>
      <c r="E25" s="143"/>
      <c r="F25" s="143"/>
      <c r="G25" s="143"/>
      <c r="H25" s="144"/>
      <c r="I25" s="137">
        <v>2000000</v>
      </c>
      <c r="J25" s="137">
        <v>2000000</v>
      </c>
      <c r="K25" s="112">
        <v>40</v>
      </c>
      <c r="L25" s="141">
        <v>81771.87</v>
      </c>
      <c r="M25" s="140">
        <v>3270875</v>
      </c>
      <c r="N25" s="137">
        <v>0</v>
      </c>
      <c r="O25" s="137">
        <v>2000000</v>
      </c>
      <c r="P25" s="97"/>
      <c r="AC25" s="147"/>
    </row>
    <row r="26" spans="2:29" ht="21.95" customHeight="1" x14ac:dyDescent="0.15">
      <c r="B26" s="142" t="s">
        <v>301</v>
      </c>
      <c r="C26" s="143"/>
      <c r="D26" s="143"/>
      <c r="E26" s="143"/>
      <c r="F26" s="143"/>
      <c r="G26" s="143"/>
      <c r="H26" s="144"/>
      <c r="I26" s="116">
        <v>200000000</v>
      </c>
      <c r="J26" s="137">
        <v>200000000</v>
      </c>
      <c r="K26" s="117">
        <v>20000</v>
      </c>
      <c r="L26" s="118">
        <v>85566.33</v>
      </c>
      <c r="M26" s="140">
        <v>1711326600</v>
      </c>
      <c r="N26" s="137">
        <v>0</v>
      </c>
      <c r="O26" s="137">
        <v>200000000</v>
      </c>
      <c r="P26" s="97"/>
      <c r="AC26" s="147"/>
    </row>
    <row r="27" spans="2:29" ht="21.95" customHeight="1" x14ac:dyDescent="0.15">
      <c r="B27" s="142" t="s">
        <v>298</v>
      </c>
      <c r="C27" s="143"/>
      <c r="D27" s="143"/>
      <c r="E27" s="143"/>
      <c r="F27" s="143"/>
      <c r="G27" s="143"/>
      <c r="H27" s="144"/>
      <c r="I27" s="119">
        <v>45038000000</v>
      </c>
      <c r="J27" s="137">
        <v>45038000000</v>
      </c>
      <c r="K27" s="112">
        <v>900760</v>
      </c>
      <c r="L27" s="141">
        <v>42483.07</v>
      </c>
      <c r="M27" s="140">
        <v>38267050133</v>
      </c>
      <c r="N27" s="137">
        <v>0</v>
      </c>
      <c r="O27" s="137">
        <v>45038000000</v>
      </c>
      <c r="P27" s="97"/>
      <c r="AC27" s="147"/>
    </row>
    <row r="28" spans="2:29" ht="21.95" customHeight="1" x14ac:dyDescent="0.15">
      <c r="B28" s="142" t="s">
        <v>255</v>
      </c>
      <c r="C28" s="143"/>
      <c r="D28" s="143"/>
      <c r="E28" s="143"/>
      <c r="F28" s="143"/>
      <c r="G28" s="143"/>
      <c r="H28" s="144"/>
      <c r="I28" s="120">
        <v>18119750000</v>
      </c>
      <c r="J28" s="137">
        <v>18119750000</v>
      </c>
      <c r="K28" s="115">
        <v>362395</v>
      </c>
      <c r="L28" s="141">
        <v>69760.399999999994</v>
      </c>
      <c r="M28" s="140">
        <v>25280820158</v>
      </c>
      <c r="N28" s="137">
        <v>0</v>
      </c>
      <c r="O28" s="137">
        <v>18119750000</v>
      </c>
      <c r="P28" s="97"/>
      <c r="AC28" s="147"/>
    </row>
    <row r="29" spans="2:29" ht="21.95" customHeight="1" x14ac:dyDescent="0.15">
      <c r="B29" s="142" t="s">
        <v>254</v>
      </c>
      <c r="C29" s="143"/>
      <c r="D29" s="143"/>
      <c r="E29" s="143"/>
      <c r="F29" s="143"/>
      <c r="G29" s="143"/>
      <c r="H29" s="144"/>
      <c r="I29" s="114">
        <v>26889900000</v>
      </c>
      <c r="J29" s="137">
        <v>3421497240</v>
      </c>
      <c r="K29" s="117">
        <v>22809981600</v>
      </c>
      <c r="L29" s="141">
        <v>0.23</v>
      </c>
      <c r="M29" s="140">
        <v>5246295768</v>
      </c>
      <c r="N29" s="137">
        <v>0</v>
      </c>
      <c r="O29" s="137">
        <v>3421497240</v>
      </c>
      <c r="P29" s="97"/>
      <c r="AC29" s="147"/>
    </row>
    <row r="30" spans="2:29" ht="21.95" customHeight="1" x14ac:dyDescent="0.15">
      <c r="B30" s="142" t="s">
        <v>253</v>
      </c>
      <c r="C30" s="143"/>
      <c r="D30" s="143"/>
      <c r="E30" s="143"/>
      <c r="F30" s="143"/>
      <c r="G30" s="143"/>
      <c r="H30" s="144"/>
      <c r="I30" s="137">
        <v>150000000</v>
      </c>
      <c r="J30" s="137">
        <v>150000000</v>
      </c>
      <c r="K30" s="112">
        <v>3000</v>
      </c>
      <c r="L30" s="141">
        <v>104190.98</v>
      </c>
      <c r="M30" s="140">
        <v>312572940</v>
      </c>
      <c r="N30" s="137">
        <v>0</v>
      </c>
      <c r="O30" s="137">
        <v>150000000</v>
      </c>
      <c r="P30" s="97"/>
      <c r="AC30" s="147"/>
    </row>
    <row r="31" spans="2:29" ht="21.95" customHeight="1" x14ac:dyDescent="0.15">
      <c r="B31" s="142" t="s">
        <v>302</v>
      </c>
      <c r="C31" s="143"/>
      <c r="D31" s="143"/>
      <c r="E31" s="143"/>
      <c r="F31" s="143"/>
      <c r="G31" s="143"/>
      <c r="H31" s="144"/>
      <c r="I31" s="137">
        <v>7109900000</v>
      </c>
      <c r="J31" s="137">
        <v>4593353392</v>
      </c>
      <c r="K31" s="112">
        <v>142198</v>
      </c>
      <c r="L31" s="118">
        <v>25582.42</v>
      </c>
      <c r="M31" s="140">
        <v>3637768959</v>
      </c>
      <c r="N31" s="137">
        <v>0</v>
      </c>
      <c r="O31" s="137">
        <v>4593353392</v>
      </c>
      <c r="P31" s="97"/>
      <c r="AC31" s="147"/>
    </row>
    <row r="32" spans="2:29" ht="21.95" customHeight="1" x14ac:dyDescent="0.15">
      <c r="B32" s="142" t="s">
        <v>303</v>
      </c>
      <c r="C32" s="244"/>
      <c r="D32" s="244"/>
      <c r="E32" s="244"/>
      <c r="F32" s="244"/>
      <c r="G32" s="143"/>
      <c r="H32" s="144"/>
      <c r="I32" s="137">
        <v>8711900500</v>
      </c>
      <c r="J32" s="137">
        <v>8711900500</v>
      </c>
      <c r="K32" s="112">
        <v>174238.01</v>
      </c>
      <c r="L32" s="118">
        <v>45566.68</v>
      </c>
      <c r="M32" s="140">
        <v>7939447646</v>
      </c>
      <c r="N32" s="137">
        <v>0</v>
      </c>
      <c r="O32" s="137">
        <v>8711900500</v>
      </c>
      <c r="P32" s="97"/>
      <c r="AC32" s="147"/>
    </row>
    <row r="33" spans="2:29" ht="21.95" customHeight="1" x14ac:dyDescent="0.15">
      <c r="B33" s="142" t="s">
        <v>300</v>
      </c>
      <c r="C33" s="244"/>
      <c r="D33" s="244"/>
      <c r="E33" s="244"/>
      <c r="F33" s="244"/>
      <c r="G33" s="143"/>
      <c r="H33" s="144"/>
      <c r="I33" s="137">
        <v>5933233500</v>
      </c>
      <c r="J33" s="137">
        <v>5933233500</v>
      </c>
      <c r="K33" s="112">
        <v>118664.67</v>
      </c>
      <c r="L33" s="118">
        <v>40440.67</v>
      </c>
      <c r="M33" s="140">
        <v>4798878760</v>
      </c>
      <c r="N33" s="137">
        <v>0</v>
      </c>
      <c r="O33" s="137">
        <v>5933233500</v>
      </c>
      <c r="P33" s="97"/>
      <c r="AC33" s="147"/>
    </row>
    <row r="34" spans="2:29" ht="21.95" customHeight="1" x14ac:dyDescent="0.15">
      <c r="B34" s="142" t="s">
        <v>299</v>
      </c>
      <c r="C34" s="244"/>
      <c r="D34" s="244"/>
      <c r="E34" s="244"/>
      <c r="F34" s="244"/>
      <c r="G34" s="143"/>
      <c r="H34" s="144"/>
      <c r="I34" s="137">
        <v>2876722000</v>
      </c>
      <c r="J34" s="137">
        <v>2876722000</v>
      </c>
      <c r="K34" s="112">
        <v>2876722</v>
      </c>
      <c r="L34" s="141">
        <v>2021.63</v>
      </c>
      <c r="M34" s="140">
        <v>5815667497</v>
      </c>
      <c r="N34" s="137">
        <v>0</v>
      </c>
      <c r="O34" s="137">
        <v>2876722000</v>
      </c>
      <c r="P34" s="97"/>
      <c r="AC34" s="147"/>
    </row>
    <row r="35" spans="2:29" ht="21.95" customHeight="1" x14ac:dyDescent="0.15">
      <c r="B35" s="142" t="s">
        <v>304</v>
      </c>
      <c r="C35" s="244"/>
      <c r="D35" s="244"/>
      <c r="E35" s="244"/>
      <c r="F35" s="244"/>
      <c r="G35" s="143"/>
      <c r="H35" s="144"/>
      <c r="I35" s="137">
        <v>108589000</v>
      </c>
      <c r="J35" s="137">
        <v>108589000</v>
      </c>
      <c r="K35" s="112">
        <v>108589</v>
      </c>
      <c r="L35" s="118">
        <v>2602.04</v>
      </c>
      <c r="M35" s="140">
        <v>282552922</v>
      </c>
      <c r="N35" s="137">
        <v>0</v>
      </c>
      <c r="O35" s="137">
        <v>108589000</v>
      </c>
      <c r="P35" s="97"/>
      <c r="AC35" s="147"/>
    </row>
    <row r="36" spans="2:29" ht="21.95" customHeight="1" x14ac:dyDescent="0.15">
      <c r="B36" s="142" t="s">
        <v>252</v>
      </c>
      <c r="C36" s="143"/>
      <c r="D36" s="143"/>
      <c r="E36" s="143"/>
      <c r="F36" s="143"/>
      <c r="G36" s="143"/>
      <c r="H36" s="144"/>
      <c r="I36" s="114">
        <v>347931034</v>
      </c>
      <c r="J36" s="137">
        <v>347931034</v>
      </c>
      <c r="K36" s="115">
        <v>10260</v>
      </c>
      <c r="L36" s="141">
        <v>86416.2</v>
      </c>
      <c r="M36" s="140">
        <v>886630212</v>
      </c>
      <c r="N36" s="137">
        <v>0</v>
      </c>
      <c r="O36" s="137">
        <v>347931034</v>
      </c>
      <c r="P36" s="97"/>
      <c r="AC36" s="147"/>
    </row>
    <row r="37" spans="2:29" ht="21.95" customHeight="1" x14ac:dyDescent="0.15">
      <c r="B37" s="142" t="s">
        <v>390</v>
      </c>
      <c r="C37" s="143"/>
      <c r="D37" s="143"/>
      <c r="E37" s="143"/>
      <c r="F37" s="143"/>
      <c r="G37" s="143"/>
      <c r="H37" s="144"/>
      <c r="I37" s="137">
        <v>49000000</v>
      </c>
      <c r="J37" s="137">
        <v>49000000</v>
      </c>
      <c r="K37" s="112">
        <v>980</v>
      </c>
      <c r="L37" s="141">
        <v>231978.71</v>
      </c>
      <c r="M37" s="140">
        <v>227339136</v>
      </c>
      <c r="N37" s="137">
        <v>0</v>
      </c>
      <c r="O37" s="137">
        <v>49000000</v>
      </c>
      <c r="P37" s="97"/>
      <c r="AC37" s="147"/>
    </row>
    <row r="38" spans="2:29" ht="21.95" customHeight="1" x14ac:dyDescent="0.15">
      <c r="B38" s="142" t="s">
        <v>305</v>
      </c>
      <c r="C38" s="143"/>
      <c r="D38" s="143"/>
      <c r="E38" s="143"/>
      <c r="F38" s="143"/>
      <c r="G38" s="143"/>
      <c r="H38" s="144"/>
      <c r="I38" s="137">
        <v>453980800</v>
      </c>
      <c r="J38" s="137">
        <v>453980800</v>
      </c>
      <c r="K38" s="112">
        <v>684800</v>
      </c>
      <c r="L38" s="141">
        <v>2715.02</v>
      </c>
      <c r="M38" s="140">
        <v>1859245696</v>
      </c>
      <c r="N38" s="137">
        <v>0</v>
      </c>
      <c r="O38" s="137">
        <v>453980800</v>
      </c>
      <c r="P38" s="97"/>
      <c r="AC38" s="147"/>
    </row>
    <row r="39" spans="2:29" ht="21.95" customHeight="1" x14ac:dyDescent="0.15">
      <c r="B39" s="142" t="s">
        <v>306</v>
      </c>
      <c r="C39" s="143"/>
      <c r="D39" s="143"/>
      <c r="E39" s="143"/>
      <c r="F39" s="143"/>
      <c r="G39" s="143"/>
      <c r="H39" s="144"/>
      <c r="I39" s="137">
        <v>2300000000</v>
      </c>
      <c r="J39" s="137">
        <v>0</v>
      </c>
      <c r="K39" s="112">
        <v>1500016000</v>
      </c>
      <c r="L39" s="141">
        <v>-6.68</v>
      </c>
      <c r="M39" s="140">
        <v>-10020106880</v>
      </c>
      <c r="N39" s="137">
        <v>0</v>
      </c>
      <c r="O39" s="137">
        <v>0</v>
      </c>
      <c r="P39" s="97"/>
      <c r="AC39" s="147"/>
    </row>
    <row r="40" spans="2:29" ht="21.95" customHeight="1" x14ac:dyDescent="0.15">
      <c r="B40" s="142" t="s">
        <v>307</v>
      </c>
      <c r="C40" s="143"/>
      <c r="D40" s="143"/>
      <c r="E40" s="143"/>
      <c r="F40" s="143"/>
      <c r="G40" s="143"/>
      <c r="H40" s="144"/>
      <c r="I40" s="137">
        <v>10000000</v>
      </c>
      <c r="J40" s="137">
        <v>10000000</v>
      </c>
      <c r="K40" s="112">
        <v>20000</v>
      </c>
      <c r="L40" s="141">
        <v>60425.29</v>
      </c>
      <c r="M40" s="140">
        <v>1208505800</v>
      </c>
      <c r="N40" s="137">
        <v>0</v>
      </c>
      <c r="O40" s="137">
        <v>10000000</v>
      </c>
      <c r="P40" s="97"/>
      <c r="AC40" s="147"/>
    </row>
    <row r="41" spans="2:29" ht="21.95" customHeight="1" x14ac:dyDescent="0.15">
      <c r="B41" s="142" t="s">
        <v>347</v>
      </c>
      <c r="C41" s="143"/>
      <c r="D41" s="143"/>
      <c r="E41" s="143"/>
      <c r="F41" s="143"/>
      <c r="G41" s="143"/>
      <c r="H41" s="144"/>
      <c r="I41" s="137">
        <v>245800000</v>
      </c>
      <c r="J41" s="137">
        <v>245800000</v>
      </c>
      <c r="K41" s="112">
        <v>4916000</v>
      </c>
      <c r="L41" s="141">
        <v>285.5</v>
      </c>
      <c r="M41" s="140">
        <v>1403518000</v>
      </c>
      <c r="N41" s="137">
        <v>0</v>
      </c>
      <c r="O41" s="137">
        <v>245800000</v>
      </c>
      <c r="P41" s="97"/>
      <c r="AC41" s="147"/>
    </row>
    <row r="42" spans="2:29" ht="21.95" customHeight="1" x14ac:dyDescent="0.15">
      <c r="B42" s="142" t="s">
        <v>309</v>
      </c>
      <c r="C42" s="143"/>
      <c r="D42" s="143"/>
      <c r="E42" s="143"/>
      <c r="F42" s="143"/>
      <c r="G42" s="143"/>
      <c r="H42" s="144"/>
      <c r="I42" s="137">
        <v>211618800</v>
      </c>
      <c r="J42" s="137">
        <v>211618800</v>
      </c>
      <c r="K42" s="112">
        <v>267600</v>
      </c>
      <c r="L42" s="141">
        <v>1098.1099999999999</v>
      </c>
      <c r="M42" s="140">
        <v>293854236</v>
      </c>
      <c r="N42" s="137">
        <v>0</v>
      </c>
      <c r="O42" s="137">
        <v>211618800</v>
      </c>
      <c r="P42" s="97"/>
      <c r="AC42" s="147"/>
    </row>
    <row r="43" spans="2:29" ht="21.95" customHeight="1" x14ac:dyDescent="0.15">
      <c r="B43" s="142" t="s">
        <v>308</v>
      </c>
      <c r="C43" s="143"/>
      <c r="D43" s="143"/>
      <c r="E43" s="143"/>
      <c r="F43" s="143"/>
      <c r="G43" s="143"/>
      <c r="H43" s="144"/>
      <c r="I43" s="137">
        <v>30120000000</v>
      </c>
      <c r="J43" s="137">
        <v>30120000000</v>
      </c>
      <c r="K43" s="112">
        <v>602400</v>
      </c>
      <c r="L43" s="141">
        <v>52594.7</v>
      </c>
      <c r="M43" s="140">
        <v>31683047280</v>
      </c>
      <c r="N43" s="137">
        <v>0</v>
      </c>
      <c r="O43" s="137">
        <v>30120000000</v>
      </c>
      <c r="P43" s="97"/>
      <c r="AC43" s="147"/>
    </row>
    <row r="44" spans="2:29" s="136" customFormat="1" ht="21.95" customHeight="1" x14ac:dyDescent="0.15">
      <c r="B44" s="142" t="s">
        <v>310</v>
      </c>
      <c r="C44" s="143"/>
      <c r="D44" s="143"/>
      <c r="E44" s="143"/>
      <c r="F44" s="143"/>
      <c r="G44" s="143"/>
      <c r="H44" s="144"/>
      <c r="I44" s="137">
        <v>450000000</v>
      </c>
      <c r="J44" s="137">
        <v>450000000</v>
      </c>
      <c r="K44" s="112">
        <v>9000</v>
      </c>
      <c r="L44" s="141">
        <v>177404.69</v>
      </c>
      <c r="M44" s="140">
        <v>1596642210</v>
      </c>
      <c r="N44" s="137">
        <v>0</v>
      </c>
      <c r="O44" s="137">
        <v>450000000</v>
      </c>
      <c r="P44" s="138"/>
      <c r="S44" s="111"/>
      <c r="T44" s="111"/>
      <c r="U44" s="111"/>
      <c r="V44" s="111"/>
      <c r="W44" s="111"/>
      <c r="X44" s="111"/>
      <c r="Y44" s="111"/>
      <c r="Z44" s="210"/>
      <c r="AA44" s="111"/>
      <c r="AB44" s="122"/>
      <c r="AC44" s="147"/>
    </row>
    <row r="45" spans="2:29" ht="21.95" customHeight="1" x14ac:dyDescent="0.15">
      <c r="B45" s="306" t="s">
        <v>232</v>
      </c>
      <c r="C45" s="307"/>
      <c r="D45" s="307"/>
      <c r="E45" s="307"/>
      <c r="F45" s="307"/>
      <c r="G45" s="307"/>
      <c r="H45" s="308"/>
      <c r="I45" s="137">
        <f>SUM(I16:I44)</f>
        <v>641240749567</v>
      </c>
      <c r="J45" s="137">
        <f>SUM(J16:J44)</f>
        <v>601137967827</v>
      </c>
      <c r="K45" s="95"/>
      <c r="L45" s="95"/>
      <c r="M45" s="95"/>
      <c r="N45" s="137">
        <f>SUM(N16:N44)</f>
        <v>4120335</v>
      </c>
      <c r="O45" s="137">
        <f>SUM(O16:O44)</f>
        <v>601133847492</v>
      </c>
      <c r="P45" s="97"/>
    </row>
    <row r="46" spans="2:29" ht="21.95" customHeight="1" x14ac:dyDescent="0.15">
      <c r="B46" s="106"/>
      <c r="C46" s="106"/>
      <c r="D46" s="106"/>
      <c r="E46" s="106"/>
      <c r="F46" s="106"/>
      <c r="G46" s="106"/>
      <c r="H46" s="106"/>
      <c r="I46" s="96"/>
      <c r="J46" s="96"/>
      <c r="K46" s="96"/>
      <c r="L46" s="96"/>
      <c r="M46" s="96"/>
      <c r="N46" s="96"/>
      <c r="O46" s="97"/>
    </row>
    <row r="47" spans="2:29" x14ac:dyDescent="0.15">
      <c r="B47" s="73" t="s">
        <v>256</v>
      </c>
      <c r="P47" s="94"/>
      <c r="Q47" s="94" t="s">
        <v>219</v>
      </c>
    </row>
    <row r="48" spans="2:29" ht="21.95" customHeight="1" x14ac:dyDescent="0.15">
      <c r="B48" s="309" t="s">
        <v>245</v>
      </c>
      <c r="C48" s="310"/>
      <c r="D48" s="310"/>
      <c r="E48" s="310"/>
      <c r="F48" s="310"/>
      <c r="G48" s="310"/>
      <c r="H48" s="311"/>
      <c r="I48" s="315" t="s">
        <v>246</v>
      </c>
      <c r="J48" s="107" t="s">
        <v>247</v>
      </c>
      <c r="K48" s="108" t="s">
        <v>257</v>
      </c>
      <c r="L48" s="108" t="s">
        <v>258</v>
      </c>
      <c r="M48" s="108" t="s">
        <v>259</v>
      </c>
      <c r="N48" s="108" t="s">
        <v>260</v>
      </c>
      <c r="O48" s="108" t="s">
        <v>261</v>
      </c>
      <c r="P48" s="108" t="s">
        <v>250</v>
      </c>
      <c r="Q48" s="108" t="s">
        <v>251</v>
      </c>
    </row>
    <row r="49" spans="2:31" ht="21.75" customHeight="1" x14ac:dyDescent="0.15">
      <c r="B49" s="312"/>
      <c r="C49" s="313"/>
      <c r="D49" s="313"/>
      <c r="E49" s="313"/>
      <c r="F49" s="313"/>
      <c r="G49" s="313"/>
      <c r="H49" s="314"/>
      <c r="I49" s="316"/>
      <c r="J49" s="109" t="s">
        <v>339</v>
      </c>
      <c r="K49" s="109" t="s">
        <v>340</v>
      </c>
      <c r="L49" s="109" t="s">
        <v>341</v>
      </c>
      <c r="M49" s="109" t="s">
        <v>342</v>
      </c>
      <c r="N49" s="109" t="s">
        <v>343</v>
      </c>
      <c r="O49" s="109" t="s">
        <v>344</v>
      </c>
      <c r="P49" s="109" t="s">
        <v>345</v>
      </c>
      <c r="Q49" s="109" t="s">
        <v>346</v>
      </c>
    </row>
    <row r="50" spans="2:31" ht="21.95" customHeight="1" x14ac:dyDescent="0.15">
      <c r="B50" s="142" t="s">
        <v>438</v>
      </c>
      <c r="C50" s="143"/>
      <c r="D50" s="143"/>
      <c r="E50" s="143"/>
      <c r="F50" s="143"/>
      <c r="G50" s="143"/>
      <c r="H50" s="144"/>
      <c r="I50" s="137">
        <v>2000000</v>
      </c>
      <c r="J50" s="137">
        <v>2000000</v>
      </c>
      <c r="K50" s="137">
        <v>53429604577</v>
      </c>
      <c r="L50" s="137">
        <v>46759726892</v>
      </c>
      <c r="M50" s="140">
        <v>6669877685</v>
      </c>
      <c r="N50" s="139">
        <v>1.4999999999999999E-2</v>
      </c>
      <c r="O50" s="140">
        <v>100048165</v>
      </c>
      <c r="P50" s="137">
        <v>0</v>
      </c>
      <c r="Q50" s="137">
        <v>2000000</v>
      </c>
      <c r="W50" s="211"/>
      <c r="AD50" s="97"/>
      <c r="AE50" s="138"/>
    </row>
    <row r="51" spans="2:31" ht="21.95" customHeight="1" x14ac:dyDescent="0.15">
      <c r="B51" s="142" t="s">
        <v>311</v>
      </c>
      <c r="C51" s="143"/>
      <c r="D51" s="143"/>
      <c r="E51" s="143"/>
      <c r="F51" s="143"/>
      <c r="G51" s="143"/>
      <c r="H51" s="144"/>
      <c r="I51" s="137">
        <v>32000000</v>
      </c>
      <c r="J51" s="137">
        <v>32000000</v>
      </c>
      <c r="K51" s="137">
        <v>2243733928</v>
      </c>
      <c r="L51" s="137">
        <v>46228111</v>
      </c>
      <c r="M51" s="140">
        <v>2197505817</v>
      </c>
      <c r="N51" s="139">
        <v>1.4999999999999999E-2</v>
      </c>
      <c r="O51" s="140">
        <v>32962587</v>
      </c>
      <c r="P51" s="137">
        <v>0</v>
      </c>
      <c r="Q51" s="137">
        <v>32000000</v>
      </c>
      <c r="W51" s="211"/>
      <c r="AD51" s="97"/>
      <c r="AE51" s="138"/>
    </row>
    <row r="52" spans="2:31" ht="21.95" customHeight="1" x14ac:dyDescent="0.15">
      <c r="B52" s="142" t="s">
        <v>439</v>
      </c>
      <c r="C52" s="143"/>
      <c r="D52" s="143"/>
      <c r="E52" s="143"/>
      <c r="F52" s="143"/>
      <c r="G52" s="143"/>
      <c r="H52" s="144"/>
      <c r="I52" s="137">
        <v>44000000</v>
      </c>
      <c r="J52" s="137">
        <v>44000000</v>
      </c>
      <c r="K52" s="137">
        <v>5281847346</v>
      </c>
      <c r="L52" s="137">
        <v>24355050</v>
      </c>
      <c r="M52" s="140">
        <v>5257492296</v>
      </c>
      <c r="N52" s="139">
        <v>8.0000000000000002E-3</v>
      </c>
      <c r="O52" s="140">
        <v>42059938</v>
      </c>
      <c r="P52" s="137">
        <v>0</v>
      </c>
      <c r="Q52" s="137">
        <v>44000000</v>
      </c>
      <c r="W52" s="211"/>
      <c r="AD52" s="97"/>
      <c r="AE52" s="138"/>
    </row>
    <row r="53" spans="2:31" ht="21.95" customHeight="1" x14ac:dyDescent="0.15">
      <c r="B53" s="142" t="s">
        <v>440</v>
      </c>
      <c r="C53" s="143"/>
      <c r="D53" s="143"/>
      <c r="E53" s="143"/>
      <c r="F53" s="143"/>
      <c r="G53" s="143"/>
      <c r="H53" s="144"/>
      <c r="I53" s="137">
        <v>4352843775</v>
      </c>
      <c r="J53" s="137">
        <v>4352843775</v>
      </c>
      <c r="K53" s="137">
        <v>2686798392447</v>
      </c>
      <c r="L53" s="137">
        <v>2516314598187</v>
      </c>
      <c r="M53" s="140">
        <v>170483794260</v>
      </c>
      <c r="N53" s="139">
        <v>3.4482066876648107E-2</v>
      </c>
      <c r="O53" s="140">
        <v>5878633595</v>
      </c>
      <c r="P53" s="137">
        <v>0</v>
      </c>
      <c r="Q53" s="137">
        <v>4352843775</v>
      </c>
      <c r="W53" s="211"/>
      <c r="AD53" s="97"/>
      <c r="AE53" s="138"/>
    </row>
    <row r="54" spans="2:31" ht="21.95" customHeight="1" x14ac:dyDescent="0.15">
      <c r="B54" s="142" t="s">
        <v>441</v>
      </c>
      <c r="C54" s="143"/>
      <c r="D54" s="143"/>
      <c r="E54" s="143"/>
      <c r="F54" s="143"/>
      <c r="G54" s="143"/>
      <c r="H54" s="144"/>
      <c r="I54" s="137">
        <v>10000000</v>
      </c>
      <c r="J54" s="137">
        <v>10000000</v>
      </c>
      <c r="K54" s="137">
        <v>6670336365</v>
      </c>
      <c r="L54" s="137">
        <v>2480280933</v>
      </c>
      <c r="M54" s="140">
        <v>4190055432</v>
      </c>
      <c r="N54" s="139">
        <v>0.1</v>
      </c>
      <c r="O54" s="140">
        <v>419005543</v>
      </c>
      <c r="P54" s="137">
        <v>0</v>
      </c>
      <c r="Q54" s="137">
        <v>10000000</v>
      </c>
      <c r="W54" s="211"/>
      <c r="AD54" s="97"/>
      <c r="AE54" s="138"/>
    </row>
    <row r="55" spans="2:31" ht="21.95" customHeight="1" x14ac:dyDescent="0.15">
      <c r="B55" s="142" t="s">
        <v>312</v>
      </c>
      <c r="C55" s="143"/>
      <c r="D55" s="143"/>
      <c r="E55" s="143"/>
      <c r="F55" s="143"/>
      <c r="G55" s="143"/>
      <c r="H55" s="144"/>
      <c r="I55" s="137">
        <v>5000000</v>
      </c>
      <c r="J55" s="137">
        <v>5000000</v>
      </c>
      <c r="K55" s="137">
        <v>483461095</v>
      </c>
      <c r="L55" s="137">
        <v>405572764</v>
      </c>
      <c r="M55" s="140">
        <v>77888331</v>
      </c>
      <c r="N55" s="139">
        <v>0.11284671232876713</v>
      </c>
      <c r="O55" s="140">
        <v>8789442</v>
      </c>
      <c r="P55" s="137">
        <v>0</v>
      </c>
      <c r="Q55" s="137">
        <v>5000000</v>
      </c>
      <c r="W55" s="211"/>
      <c r="AD55" s="97"/>
      <c r="AE55" s="138"/>
    </row>
    <row r="56" spans="2:31" ht="21.95" customHeight="1" x14ac:dyDescent="0.15">
      <c r="B56" s="142" t="s">
        <v>539</v>
      </c>
      <c r="C56" s="143"/>
      <c r="D56" s="143"/>
      <c r="E56" s="143"/>
      <c r="F56" s="143"/>
      <c r="G56" s="143"/>
      <c r="H56" s="144"/>
      <c r="I56" s="137">
        <v>10000000</v>
      </c>
      <c r="J56" s="137">
        <v>10000000</v>
      </c>
      <c r="K56" s="137">
        <v>744879896</v>
      </c>
      <c r="L56" s="137">
        <v>313630133</v>
      </c>
      <c r="M56" s="140">
        <v>431249763</v>
      </c>
      <c r="N56" s="139">
        <v>0.5</v>
      </c>
      <c r="O56" s="140">
        <v>215624882</v>
      </c>
      <c r="P56" s="137">
        <v>0</v>
      </c>
      <c r="Q56" s="137">
        <v>10000000</v>
      </c>
      <c r="W56" s="211"/>
      <c r="AD56" s="97"/>
      <c r="AE56" s="138"/>
    </row>
    <row r="57" spans="2:31" ht="21.95" customHeight="1" x14ac:dyDescent="0.15">
      <c r="B57" s="142" t="s">
        <v>442</v>
      </c>
      <c r="C57" s="143"/>
      <c r="D57" s="143"/>
      <c r="E57" s="143"/>
      <c r="F57" s="143"/>
      <c r="G57" s="143"/>
      <c r="H57" s="144"/>
      <c r="I57" s="137">
        <v>1000000</v>
      </c>
      <c r="J57" s="137">
        <v>1000000</v>
      </c>
      <c r="K57" s="137">
        <v>1011967701</v>
      </c>
      <c r="L57" s="137">
        <v>143824766</v>
      </c>
      <c r="M57" s="140">
        <v>868142935</v>
      </c>
      <c r="N57" s="139">
        <v>1.2811397018787913E-3</v>
      </c>
      <c r="O57" s="140">
        <v>1112212</v>
      </c>
      <c r="P57" s="137">
        <v>0</v>
      </c>
      <c r="Q57" s="137">
        <v>1000000</v>
      </c>
      <c r="W57" s="211"/>
      <c r="AD57" s="97"/>
      <c r="AE57" s="138"/>
    </row>
    <row r="58" spans="2:31" ht="21.95" customHeight="1" x14ac:dyDescent="0.15">
      <c r="B58" s="142" t="s">
        <v>443</v>
      </c>
      <c r="C58" s="143"/>
      <c r="D58" s="143"/>
      <c r="E58" s="143"/>
      <c r="F58" s="143"/>
      <c r="G58" s="143"/>
      <c r="H58" s="144"/>
      <c r="I58" s="137">
        <v>166660000</v>
      </c>
      <c r="J58" s="137">
        <v>166660000</v>
      </c>
      <c r="K58" s="137">
        <v>20325901864</v>
      </c>
      <c r="L58" s="137">
        <v>83721181</v>
      </c>
      <c r="M58" s="140">
        <v>20242180683</v>
      </c>
      <c r="N58" s="139">
        <v>0.33332000000000001</v>
      </c>
      <c r="O58" s="140">
        <v>6747123665</v>
      </c>
      <c r="P58" s="137">
        <v>0</v>
      </c>
      <c r="Q58" s="137">
        <v>166660000</v>
      </c>
      <c r="W58" s="211"/>
      <c r="AD58" s="97"/>
      <c r="AE58" s="138"/>
    </row>
    <row r="59" spans="2:31" ht="21.95" customHeight="1" x14ac:dyDescent="0.15">
      <c r="B59" s="142" t="s">
        <v>444</v>
      </c>
      <c r="C59" s="143"/>
      <c r="D59" s="143"/>
      <c r="E59" s="143"/>
      <c r="F59" s="143"/>
      <c r="G59" s="143"/>
      <c r="H59" s="144"/>
      <c r="I59" s="137">
        <v>5000000</v>
      </c>
      <c r="J59" s="137">
        <v>5000000</v>
      </c>
      <c r="K59" s="137">
        <v>4562848165</v>
      </c>
      <c r="L59" s="137">
        <v>273150610</v>
      </c>
      <c r="M59" s="140">
        <v>4289697555</v>
      </c>
      <c r="N59" s="139">
        <v>1.8209761889153538E-3</v>
      </c>
      <c r="O59" s="140">
        <v>7811437</v>
      </c>
      <c r="P59" s="137">
        <v>0</v>
      </c>
      <c r="Q59" s="137">
        <v>5000000</v>
      </c>
      <c r="W59" s="211"/>
      <c r="AD59" s="97"/>
      <c r="AE59" s="138"/>
    </row>
    <row r="60" spans="2:31" ht="21.95" customHeight="1" x14ac:dyDescent="0.15">
      <c r="B60" s="142" t="s">
        <v>445</v>
      </c>
      <c r="C60" s="143"/>
      <c r="D60" s="143"/>
      <c r="E60" s="143"/>
      <c r="F60" s="143"/>
      <c r="G60" s="143"/>
      <c r="H60" s="144"/>
      <c r="I60" s="137">
        <v>200000000</v>
      </c>
      <c r="J60" s="137">
        <v>200000000</v>
      </c>
      <c r="K60" s="137">
        <v>713821714</v>
      </c>
      <c r="L60" s="137">
        <v>38709169</v>
      </c>
      <c r="M60" s="140">
        <v>675112545</v>
      </c>
      <c r="N60" s="139">
        <v>1</v>
      </c>
      <c r="O60" s="140">
        <v>675112545</v>
      </c>
      <c r="P60" s="137">
        <v>0</v>
      </c>
      <c r="Q60" s="137">
        <v>200000000</v>
      </c>
      <c r="W60" s="211"/>
      <c r="AD60" s="97"/>
      <c r="AE60" s="138"/>
    </row>
    <row r="61" spans="2:31" ht="21.95" customHeight="1" x14ac:dyDescent="0.15">
      <c r="B61" s="142" t="s">
        <v>446</v>
      </c>
      <c r="C61" s="143"/>
      <c r="D61" s="143"/>
      <c r="E61" s="143"/>
      <c r="F61" s="143"/>
      <c r="G61" s="143"/>
      <c r="H61" s="144"/>
      <c r="I61" s="137">
        <v>240000000</v>
      </c>
      <c r="J61" s="137">
        <v>240000000</v>
      </c>
      <c r="K61" s="137">
        <v>4631750161</v>
      </c>
      <c r="L61" s="137">
        <v>66417470</v>
      </c>
      <c r="M61" s="140">
        <v>4565332691</v>
      </c>
      <c r="N61" s="139">
        <v>6.7739204064352243E-2</v>
      </c>
      <c r="O61" s="140">
        <v>309252003</v>
      </c>
      <c r="P61" s="137">
        <v>0</v>
      </c>
      <c r="Q61" s="137">
        <v>240000000</v>
      </c>
      <c r="W61" s="211"/>
      <c r="AD61" s="97"/>
      <c r="AE61" s="138"/>
    </row>
    <row r="62" spans="2:31" ht="21.95" customHeight="1" x14ac:dyDescent="0.15">
      <c r="B62" s="142" t="s">
        <v>447</v>
      </c>
      <c r="C62" s="143"/>
      <c r="D62" s="143"/>
      <c r="E62" s="143"/>
      <c r="F62" s="143"/>
      <c r="G62" s="143"/>
      <c r="H62" s="144"/>
      <c r="I62" s="137">
        <v>25000000</v>
      </c>
      <c r="J62" s="137">
        <v>25000000</v>
      </c>
      <c r="K62" s="137">
        <v>3178680172</v>
      </c>
      <c r="L62" s="137">
        <v>843761</v>
      </c>
      <c r="M62" s="140">
        <v>3177836411</v>
      </c>
      <c r="N62" s="139">
        <v>1.10112330173087E-2</v>
      </c>
      <c r="O62" s="140">
        <v>34991897</v>
      </c>
      <c r="P62" s="137">
        <v>0</v>
      </c>
      <c r="Q62" s="137">
        <v>25000000</v>
      </c>
      <c r="W62" s="211"/>
      <c r="AD62" s="97"/>
      <c r="AE62" s="138"/>
    </row>
    <row r="63" spans="2:31" ht="21.95" customHeight="1" x14ac:dyDescent="0.15">
      <c r="B63" s="142" t="s">
        <v>448</v>
      </c>
      <c r="C63" s="143"/>
      <c r="D63" s="143"/>
      <c r="E63" s="143"/>
      <c r="F63" s="143"/>
      <c r="G63" s="143"/>
      <c r="H63" s="144"/>
      <c r="I63" s="137">
        <v>4000000</v>
      </c>
      <c r="J63" s="137">
        <v>4000000</v>
      </c>
      <c r="K63" s="137">
        <v>125845049</v>
      </c>
      <c r="L63" s="137">
        <v>9577665</v>
      </c>
      <c r="M63" s="140">
        <v>116267384</v>
      </c>
      <c r="N63" s="139">
        <v>2.9629630000000001E-2</v>
      </c>
      <c r="O63" s="140">
        <v>3444960</v>
      </c>
      <c r="P63" s="137">
        <v>0</v>
      </c>
      <c r="Q63" s="137">
        <v>4000000</v>
      </c>
      <c r="W63" s="211"/>
      <c r="AD63" s="97"/>
      <c r="AE63" s="138"/>
    </row>
    <row r="64" spans="2:31" ht="21.95" customHeight="1" x14ac:dyDescent="0.15">
      <c r="B64" s="142" t="s">
        <v>449</v>
      </c>
      <c r="C64" s="143"/>
      <c r="D64" s="143"/>
      <c r="E64" s="143"/>
      <c r="F64" s="143"/>
      <c r="G64" s="143"/>
      <c r="H64" s="144"/>
      <c r="I64" s="137">
        <v>50000000</v>
      </c>
      <c r="J64" s="137">
        <v>50000000</v>
      </c>
      <c r="K64" s="137">
        <v>755259078</v>
      </c>
      <c r="L64" s="137">
        <v>476250798</v>
      </c>
      <c r="M64" s="140">
        <v>279008280</v>
      </c>
      <c r="N64" s="139">
        <v>0.21276595744680851</v>
      </c>
      <c r="O64" s="140">
        <v>59363464</v>
      </c>
      <c r="P64" s="137">
        <v>0</v>
      </c>
      <c r="Q64" s="137">
        <v>50000000</v>
      </c>
      <c r="W64" s="211"/>
      <c r="AD64" s="97"/>
      <c r="AE64" s="138"/>
    </row>
    <row r="65" spans="1:31" ht="21.95" customHeight="1" x14ac:dyDescent="0.15">
      <c r="B65" s="142" t="s">
        <v>313</v>
      </c>
      <c r="C65" s="143"/>
      <c r="D65" s="143"/>
      <c r="E65" s="143"/>
      <c r="F65" s="143"/>
      <c r="G65" s="143"/>
      <c r="H65" s="144"/>
      <c r="I65" s="137">
        <v>489314778</v>
      </c>
      <c r="J65" s="137">
        <v>489314778</v>
      </c>
      <c r="K65" s="206" t="s">
        <v>391</v>
      </c>
      <c r="L65" s="206" t="s">
        <v>391</v>
      </c>
      <c r="M65" s="207" t="s">
        <v>391</v>
      </c>
      <c r="N65" s="208" t="s">
        <v>391</v>
      </c>
      <c r="O65" s="207" t="s">
        <v>391</v>
      </c>
      <c r="P65" s="137">
        <v>0</v>
      </c>
      <c r="Q65" s="137">
        <v>489314778</v>
      </c>
      <c r="W65" s="211"/>
      <c r="AD65" s="97"/>
      <c r="AE65" s="138"/>
    </row>
    <row r="66" spans="1:31" ht="21.95" customHeight="1" x14ac:dyDescent="0.15">
      <c r="B66" s="142" t="s">
        <v>450</v>
      </c>
      <c r="C66" s="143"/>
      <c r="D66" s="143"/>
      <c r="E66" s="143"/>
      <c r="F66" s="143"/>
      <c r="G66" s="143"/>
      <c r="H66" s="144"/>
      <c r="I66" s="137">
        <v>4853124600</v>
      </c>
      <c r="J66" s="137">
        <v>4853124600</v>
      </c>
      <c r="K66" s="137">
        <v>16049695471</v>
      </c>
      <c r="L66" s="137">
        <v>2625055410</v>
      </c>
      <c r="M66" s="140">
        <v>13424640061</v>
      </c>
      <c r="N66" s="139">
        <v>0.3351827236962977</v>
      </c>
      <c r="O66" s="140">
        <v>4499707420</v>
      </c>
      <c r="P66" s="137">
        <v>0</v>
      </c>
      <c r="Q66" s="137">
        <v>4853124600</v>
      </c>
      <c r="W66" s="211"/>
      <c r="AD66" s="97"/>
      <c r="AE66" s="138"/>
    </row>
    <row r="67" spans="1:31" ht="21.95" customHeight="1" x14ac:dyDescent="0.15">
      <c r="B67" s="142" t="s">
        <v>451</v>
      </c>
      <c r="C67" s="143"/>
      <c r="D67" s="143"/>
      <c r="E67" s="143"/>
      <c r="F67" s="143"/>
      <c r="G67" s="143"/>
      <c r="H67" s="144"/>
      <c r="I67" s="137">
        <v>102310881270</v>
      </c>
      <c r="J67" s="137">
        <v>102310881270</v>
      </c>
      <c r="K67" s="137">
        <v>223117961353</v>
      </c>
      <c r="L67" s="137">
        <v>70005925043</v>
      </c>
      <c r="M67" s="140">
        <v>153112036310</v>
      </c>
      <c r="N67" s="139">
        <v>0.5815343390151958</v>
      </c>
      <c r="O67" s="140">
        <v>89039906831</v>
      </c>
      <c r="P67" s="137">
        <v>0</v>
      </c>
      <c r="Q67" s="137">
        <v>102310881270</v>
      </c>
      <c r="W67" s="211"/>
      <c r="AD67" s="97"/>
      <c r="AE67" s="138"/>
    </row>
    <row r="68" spans="1:31" s="102" customFormat="1" ht="22.5" customHeight="1" x14ac:dyDescent="0.15">
      <c r="A68" s="275"/>
      <c r="B68" s="275"/>
      <c r="C68" s="275"/>
      <c r="D68" s="275"/>
      <c r="E68" s="275"/>
      <c r="F68" s="275"/>
      <c r="G68" s="275"/>
      <c r="H68" s="275"/>
      <c r="I68" s="275"/>
      <c r="J68" s="275"/>
      <c r="K68" s="275"/>
      <c r="S68" s="203"/>
      <c r="U68" s="203"/>
      <c r="V68" s="203"/>
      <c r="W68" s="203"/>
      <c r="X68" s="203"/>
      <c r="Y68" s="203"/>
      <c r="Z68" s="203"/>
      <c r="AA68" s="203"/>
    </row>
    <row r="69" spans="1:31" s="1" customFormat="1" ht="22.5" customHeight="1" x14ac:dyDescent="0.15">
      <c r="B69" s="103"/>
      <c r="S69" s="204"/>
      <c r="U69" s="204"/>
      <c r="V69" s="204"/>
      <c r="W69" s="204"/>
      <c r="X69" s="204"/>
      <c r="Y69" s="204"/>
      <c r="Z69" s="204"/>
      <c r="AA69" s="204"/>
    </row>
    <row r="70" spans="1:31" s="1" customFormat="1" ht="22.5" customHeight="1" x14ac:dyDescent="0.15">
      <c r="B70" s="103"/>
      <c r="S70" s="204"/>
      <c r="U70" s="204"/>
      <c r="V70" s="204"/>
      <c r="W70" s="204"/>
      <c r="X70" s="204"/>
      <c r="Y70" s="204"/>
      <c r="Z70" s="204"/>
      <c r="AA70" s="204"/>
    </row>
    <row r="71" spans="1:31" s="1" customFormat="1" ht="22.5" customHeight="1" x14ac:dyDescent="0.15">
      <c r="B71" s="103"/>
      <c r="S71" s="204"/>
      <c r="U71" s="204"/>
      <c r="V71" s="204"/>
      <c r="W71" s="204"/>
      <c r="X71" s="204"/>
      <c r="Y71" s="204"/>
      <c r="Z71" s="204"/>
      <c r="AA71" s="204"/>
    </row>
    <row r="72" spans="1:31" s="148" customFormat="1" ht="28.5" customHeight="1" x14ac:dyDescent="0.15">
      <c r="A72" s="304"/>
      <c r="B72" s="304"/>
      <c r="C72" s="304"/>
      <c r="D72" s="304"/>
      <c r="E72" s="304"/>
      <c r="F72" s="304"/>
      <c r="G72" s="304"/>
      <c r="H72" s="304"/>
      <c r="I72" s="304"/>
      <c r="J72" s="304"/>
      <c r="K72" s="304"/>
      <c r="L72" s="305"/>
      <c r="M72" s="305"/>
      <c r="N72" s="305"/>
      <c r="O72" s="305"/>
      <c r="P72" s="305"/>
      <c r="Q72" s="305"/>
      <c r="R72" s="305"/>
      <c r="S72" s="209"/>
      <c r="U72" s="209"/>
      <c r="V72" s="209"/>
      <c r="W72" s="209"/>
      <c r="X72" s="209"/>
      <c r="Y72" s="209"/>
      <c r="Z72" s="209"/>
      <c r="AA72" s="209"/>
    </row>
    <row r="73" spans="1:31" s="136" customFormat="1" ht="17.25" customHeight="1" x14ac:dyDescent="0.15">
      <c r="L73" s="101"/>
      <c r="M73" s="101"/>
      <c r="N73" s="101"/>
      <c r="O73" s="101"/>
      <c r="P73" s="101"/>
      <c r="Q73" s="101"/>
      <c r="R73" s="110"/>
      <c r="S73" s="110"/>
      <c r="U73" s="111"/>
      <c r="V73" s="111"/>
      <c r="W73" s="111"/>
      <c r="X73" s="111"/>
      <c r="Y73" s="111"/>
      <c r="Z73" s="210"/>
      <c r="AA73" s="111"/>
      <c r="AB73" s="122"/>
    </row>
    <row r="74" spans="1:31" s="136" customFormat="1" x14ac:dyDescent="0.15">
      <c r="P74" s="94"/>
      <c r="Q74" s="94" t="s">
        <v>219</v>
      </c>
      <c r="S74" s="111"/>
      <c r="U74" s="111"/>
      <c r="V74" s="111"/>
      <c r="W74" s="111"/>
      <c r="X74" s="111"/>
      <c r="Y74" s="111"/>
      <c r="Z74" s="210"/>
      <c r="AA74" s="111"/>
      <c r="AB74" s="122"/>
    </row>
    <row r="75" spans="1:31" s="136" customFormat="1" ht="21.95" customHeight="1" x14ac:dyDescent="0.15">
      <c r="B75" s="309" t="s">
        <v>245</v>
      </c>
      <c r="C75" s="310"/>
      <c r="D75" s="310"/>
      <c r="E75" s="310"/>
      <c r="F75" s="310"/>
      <c r="G75" s="310"/>
      <c r="H75" s="311"/>
      <c r="I75" s="315" t="s">
        <v>246</v>
      </c>
      <c r="J75" s="151" t="s">
        <v>247</v>
      </c>
      <c r="K75" s="152" t="s">
        <v>257</v>
      </c>
      <c r="L75" s="152" t="s">
        <v>258</v>
      </c>
      <c r="M75" s="152" t="s">
        <v>259</v>
      </c>
      <c r="N75" s="152" t="s">
        <v>260</v>
      </c>
      <c r="O75" s="152" t="s">
        <v>261</v>
      </c>
      <c r="P75" s="152" t="s">
        <v>250</v>
      </c>
      <c r="Q75" s="152" t="s">
        <v>251</v>
      </c>
      <c r="S75" s="111"/>
      <c r="U75" s="111"/>
      <c r="V75" s="111"/>
      <c r="W75" s="111"/>
      <c r="X75" s="111"/>
      <c r="Y75" s="111"/>
      <c r="Z75" s="210"/>
      <c r="AA75" s="111"/>
      <c r="AB75" s="122"/>
    </row>
    <row r="76" spans="1:31" s="136" customFormat="1" ht="21.75" customHeight="1" x14ac:dyDescent="0.15">
      <c r="B76" s="312"/>
      <c r="C76" s="313"/>
      <c r="D76" s="313"/>
      <c r="E76" s="313"/>
      <c r="F76" s="313"/>
      <c r="G76" s="313"/>
      <c r="H76" s="314"/>
      <c r="I76" s="316"/>
      <c r="J76" s="153" t="s">
        <v>211</v>
      </c>
      <c r="K76" s="153" t="s">
        <v>212</v>
      </c>
      <c r="L76" s="153" t="s">
        <v>213</v>
      </c>
      <c r="M76" s="153" t="s">
        <v>342</v>
      </c>
      <c r="N76" s="153" t="s">
        <v>215</v>
      </c>
      <c r="O76" s="153" t="s">
        <v>344</v>
      </c>
      <c r="P76" s="153" t="s">
        <v>345</v>
      </c>
      <c r="Q76" s="153" t="s">
        <v>346</v>
      </c>
      <c r="S76" s="111"/>
      <c r="U76" s="111"/>
      <c r="V76" s="111"/>
      <c r="W76" s="111"/>
      <c r="X76" s="111"/>
      <c r="Y76" s="111"/>
      <c r="Z76" s="210"/>
      <c r="AA76" s="111"/>
      <c r="AB76" s="122"/>
    </row>
    <row r="77" spans="1:31" ht="21.95" customHeight="1" x14ac:dyDescent="0.15">
      <c r="B77" s="142" t="s">
        <v>452</v>
      </c>
      <c r="C77" s="143"/>
      <c r="D77" s="143"/>
      <c r="E77" s="143"/>
      <c r="F77" s="143"/>
      <c r="G77" s="143"/>
      <c r="H77" s="144"/>
      <c r="I77" s="137">
        <v>17387798000</v>
      </c>
      <c r="J77" s="137">
        <v>17387798000</v>
      </c>
      <c r="K77" s="216">
        <v>84226583210</v>
      </c>
      <c r="L77" s="216">
        <v>5820431268</v>
      </c>
      <c r="M77" s="216">
        <v>78406151942</v>
      </c>
      <c r="N77" s="234">
        <v>1</v>
      </c>
      <c r="O77" s="216">
        <v>78406151942</v>
      </c>
      <c r="P77" s="137">
        <v>0</v>
      </c>
      <c r="Q77" s="137">
        <v>17387798000</v>
      </c>
      <c r="T77" s="214"/>
      <c r="W77" s="211"/>
      <c r="AD77" s="97"/>
      <c r="AE77" s="138"/>
    </row>
    <row r="78" spans="1:31" ht="21.95" customHeight="1" x14ac:dyDescent="0.15">
      <c r="B78" s="142" t="s">
        <v>453</v>
      </c>
      <c r="C78" s="143"/>
      <c r="D78" s="143"/>
      <c r="E78" s="143"/>
      <c r="F78" s="143"/>
      <c r="G78" s="143"/>
      <c r="H78" s="144"/>
      <c r="I78" s="137">
        <v>35000000</v>
      </c>
      <c r="J78" s="137">
        <v>35000000</v>
      </c>
      <c r="K78" s="137">
        <v>18003156482</v>
      </c>
      <c r="L78" s="137">
        <v>9290019941</v>
      </c>
      <c r="M78" s="140">
        <v>8713136541</v>
      </c>
      <c r="N78" s="139">
        <v>1.3737232556207176E-2</v>
      </c>
      <c r="O78" s="140">
        <v>119694383</v>
      </c>
      <c r="P78" s="137">
        <v>0</v>
      </c>
      <c r="Q78" s="137">
        <v>35000000</v>
      </c>
      <c r="T78" s="214"/>
      <c r="W78" s="211"/>
      <c r="AD78" s="97"/>
      <c r="AE78" s="138"/>
    </row>
    <row r="79" spans="1:31" ht="21.95" customHeight="1" x14ac:dyDescent="0.15">
      <c r="B79" s="142" t="s">
        <v>454</v>
      </c>
      <c r="C79" s="143"/>
      <c r="D79" s="143"/>
      <c r="E79" s="143"/>
      <c r="F79" s="143"/>
      <c r="G79" s="143"/>
      <c r="H79" s="144"/>
      <c r="I79" s="137">
        <v>7500000</v>
      </c>
      <c r="J79" s="137">
        <v>7500000</v>
      </c>
      <c r="K79" s="137">
        <v>2307561350</v>
      </c>
      <c r="L79" s="137">
        <v>704997737</v>
      </c>
      <c r="M79" s="140">
        <v>1602563613</v>
      </c>
      <c r="N79" s="139">
        <v>1.2999999999999999E-2</v>
      </c>
      <c r="O79" s="140">
        <v>20833327</v>
      </c>
      <c r="P79" s="137">
        <v>0</v>
      </c>
      <c r="Q79" s="137">
        <v>7500000</v>
      </c>
      <c r="T79" s="214"/>
      <c r="W79" s="211"/>
      <c r="AD79" s="97"/>
      <c r="AE79" s="138"/>
    </row>
    <row r="80" spans="1:31" ht="21.95" customHeight="1" x14ac:dyDescent="0.15">
      <c r="B80" s="142" t="s">
        <v>455</v>
      </c>
      <c r="C80" s="143"/>
      <c r="D80" s="143"/>
      <c r="E80" s="143"/>
      <c r="F80" s="143"/>
      <c r="G80" s="143"/>
      <c r="H80" s="144"/>
      <c r="I80" s="137">
        <v>10000000</v>
      </c>
      <c r="J80" s="137">
        <v>10000000</v>
      </c>
      <c r="K80" s="137">
        <v>1793975848</v>
      </c>
      <c r="L80" s="137">
        <v>782706</v>
      </c>
      <c r="M80" s="140">
        <v>1793193142</v>
      </c>
      <c r="N80" s="139">
        <v>0.107</v>
      </c>
      <c r="O80" s="140">
        <v>191871666</v>
      </c>
      <c r="P80" s="137">
        <v>0</v>
      </c>
      <c r="Q80" s="137">
        <v>10000000</v>
      </c>
      <c r="T80" s="214"/>
      <c r="W80" s="211"/>
      <c r="AD80" s="97"/>
      <c r="AE80" s="138"/>
    </row>
    <row r="81" spans="2:31" ht="21.95" customHeight="1" x14ac:dyDescent="0.15">
      <c r="B81" s="142" t="s">
        <v>314</v>
      </c>
      <c r="C81" s="143"/>
      <c r="D81" s="143"/>
      <c r="E81" s="143"/>
      <c r="F81" s="143"/>
      <c r="G81" s="143"/>
      <c r="H81" s="144"/>
      <c r="I81" s="137">
        <v>800000000</v>
      </c>
      <c r="J81" s="137">
        <v>800000000</v>
      </c>
      <c r="K81" s="137">
        <v>2405625650</v>
      </c>
      <c r="L81" s="137">
        <v>10564469</v>
      </c>
      <c r="M81" s="140">
        <v>2395061181</v>
      </c>
      <c r="N81" s="139">
        <v>0.38800000000000001</v>
      </c>
      <c r="O81" s="140">
        <v>929283738</v>
      </c>
      <c r="P81" s="137">
        <v>0</v>
      </c>
      <c r="Q81" s="137">
        <v>800000000</v>
      </c>
      <c r="T81" s="215"/>
      <c r="W81" s="211"/>
      <c r="AD81" s="97"/>
      <c r="AE81" s="138"/>
    </row>
    <row r="82" spans="2:31" ht="21.95" customHeight="1" x14ac:dyDescent="0.15">
      <c r="B82" s="142" t="s">
        <v>456</v>
      </c>
      <c r="C82" s="143"/>
      <c r="D82" s="143"/>
      <c r="E82" s="143"/>
      <c r="F82" s="143"/>
      <c r="G82" s="143"/>
      <c r="H82" s="144"/>
      <c r="I82" s="137">
        <v>250000000</v>
      </c>
      <c r="J82" s="137">
        <v>174137848</v>
      </c>
      <c r="K82" s="137">
        <v>512211742</v>
      </c>
      <c r="L82" s="137">
        <v>9165185</v>
      </c>
      <c r="M82" s="140">
        <v>503046557</v>
      </c>
      <c r="N82" s="139">
        <v>0.28499999999999998</v>
      </c>
      <c r="O82" s="140">
        <v>143368269</v>
      </c>
      <c r="P82" s="137">
        <v>0</v>
      </c>
      <c r="Q82" s="137">
        <v>174137848</v>
      </c>
      <c r="W82" s="211"/>
      <c r="AD82" s="97"/>
      <c r="AE82" s="138"/>
    </row>
    <row r="83" spans="2:31" ht="21.95" customHeight="1" x14ac:dyDescent="0.15">
      <c r="B83" s="142" t="s">
        <v>457</v>
      </c>
      <c r="C83" s="143"/>
      <c r="D83" s="143"/>
      <c r="E83" s="143"/>
      <c r="F83" s="143"/>
      <c r="G83" s="143"/>
      <c r="H83" s="144"/>
      <c r="I83" s="137">
        <v>302000000</v>
      </c>
      <c r="J83" s="137">
        <v>302000000</v>
      </c>
      <c r="K83" s="137">
        <v>24346700000000</v>
      </c>
      <c r="L83" s="137">
        <v>24022803000000</v>
      </c>
      <c r="M83" s="140">
        <v>323897000000</v>
      </c>
      <c r="N83" s="139">
        <v>1.7999999999999999E-2</v>
      </c>
      <c r="O83" s="140">
        <v>5830146000</v>
      </c>
      <c r="P83" s="137">
        <v>0</v>
      </c>
      <c r="Q83" s="137">
        <v>302000000</v>
      </c>
      <c r="W83" s="211"/>
      <c r="AD83" s="97"/>
      <c r="AE83" s="138"/>
    </row>
    <row r="84" spans="2:31" ht="21.95" customHeight="1" x14ac:dyDescent="0.15">
      <c r="B84" s="142" t="s">
        <v>458</v>
      </c>
      <c r="C84" s="143"/>
      <c r="D84" s="143"/>
      <c r="E84" s="143"/>
      <c r="F84" s="143"/>
      <c r="G84" s="143"/>
      <c r="H84" s="144"/>
      <c r="I84" s="137">
        <v>5000000</v>
      </c>
      <c r="J84" s="137">
        <v>5000000</v>
      </c>
      <c r="K84" s="137">
        <v>886060816</v>
      </c>
      <c r="L84" s="137">
        <v>116762905</v>
      </c>
      <c r="M84" s="140">
        <v>769297911</v>
      </c>
      <c r="N84" s="139">
        <v>4.8000000000000001E-2</v>
      </c>
      <c r="O84" s="140">
        <v>36926300</v>
      </c>
      <c r="P84" s="137">
        <v>0</v>
      </c>
      <c r="Q84" s="137">
        <v>5000000</v>
      </c>
      <c r="W84" s="211"/>
      <c r="AD84" s="97"/>
      <c r="AE84" s="138"/>
    </row>
    <row r="85" spans="2:31" ht="21.95" customHeight="1" x14ac:dyDescent="0.15">
      <c r="B85" s="142" t="s">
        <v>459</v>
      </c>
      <c r="C85" s="143"/>
      <c r="D85" s="143"/>
      <c r="E85" s="143"/>
      <c r="F85" s="143"/>
      <c r="G85" s="143"/>
      <c r="H85" s="144"/>
      <c r="I85" s="137">
        <v>150000000</v>
      </c>
      <c r="J85" s="137">
        <v>150000000</v>
      </c>
      <c r="K85" s="137">
        <v>11549246372</v>
      </c>
      <c r="L85" s="137">
        <v>40630083</v>
      </c>
      <c r="M85" s="140">
        <v>11508616289</v>
      </c>
      <c r="N85" s="139">
        <v>0.14000000000000001</v>
      </c>
      <c r="O85" s="140">
        <v>1611206280</v>
      </c>
      <c r="P85" s="137">
        <v>0</v>
      </c>
      <c r="Q85" s="137">
        <v>150000000</v>
      </c>
      <c r="W85" s="211"/>
      <c r="AD85" s="97"/>
      <c r="AE85" s="138"/>
    </row>
    <row r="86" spans="2:31" ht="21.75" customHeight="1" x14ac:dyDescent="0.15">
      <c r="B86" s="142" t="s">
        <v>460</v>
      </c>
      <c r="C86" s="143"/>
      <c r="D86" s="143"/>
      <c r="E86" s="143"/>
      <c r="F86" s="143"/>
      <c r="G86" s="143"/>
      <c r="H86" s="144"/>
      <c r="I86" s="137">
        <v>80000000</v>
      </c>
      <c r="J86" s="137">
        <v>80000000</v>
      </c>
      <c r="K86" s="137">
        <v>503839584</v>
      </c>
      <c r="L86" s="137">
        <v>58470347</v>
      </c>
      <c r="M86" s="140">
        <v>445369237</v>
      </c>
      <c r="N86" s="139">
        <v>0.13900000000000001</v>
      </c>
      <c r="O86" s="140">
        <v>61906324</v>
      </c>
      <c r="P86" s="137">
        <v>0</v>
      </c>
      <c r="Q86" s="137">
        <v>80000000</v>
      </c>
      <c r="W86" s="211"/>
      <c r="AD86" s="97"/>
      <c r="AE86" s="138"/>
    </row>
    <row r="87" spans="2:31" ht="21.95" customHeight="1" x14ac:dyDescent="0.15">
      <c r="B87" s="142" t="s">
        <v>315</v>
      </c>
      <c r="C87" s="143"/>
      <c r="D87" s="143"/>
      <c r="E87" s="143"/>
      <c r="F87" s="143"/>
      <c r="G87" s="143"/>
      <c r="H87" s="144"/>
      <c r="I87" s="137">
        <v>131308481000</v>
      </c>
      <c r="J87" s="137">
        <v>131308481000</v>
      </c>
      <c r="K87" s="137">
        <v>44197996792023</v>
      </c>
      <c r="L87" s="137">
        <v>30604884754253</v>
      </c>
      <c r="M87" s="140">
        <v>13593112037770</v>
      </c>
      <c r="N87" s="139">
        <v>2.3E-2</v>
      </c>
      <c r="O87" s="140">
        <v>312641576869</v>
      </c>
      <c r="P87" s="137">
        <v>0</v>
      </c>
      <c r="Q87" s="137">
        <v>131308481000</v>
      </c>
      <c r="W87" s="211"/>
      <c r="AD87" s="97"/>
      <c r="AE87" s="138"/>
    </row>
    <row r="88" spans="2:31" ht="21.75" customHeight="1" x14ac:dyDescent="0.15">
      <c r="B88" s="142" t="s">
        <v>461</v>
      </c>
      <c r="C88" s="143"/>
      <c r="D88" s="143"/>
      <c r="E88" s="143"/>
      <c r="F88" s="143"/>
      <c r="G88" s="143"/>
      <c r="H88" s="144"/>
      <c r="I88" s="137">
        <v>1000000</v>
      </c>
      <c r="J88" s="137">
        <v>552283</v>
      </c>
      <c r="K88" s="137">
        <v>1424065547</v>
      </c>
      <c r="L88" s="137">
        <v>555705636</v>
      </c>
      <c r="M88" s="140">
        <v>868359911</v>
      </c>
      <c r="N88" s="139">
        <v>1</v>
      </c>
      <c r="O88" s="140">
        <v>868359911</v>
      </c>
      <c r="P88" s="137">
        <v>0</v>
      </c>
      <c r="Q88" s="137">
        <v>552283</v>
      </c>
      <c r="W88" s="211"/>
      <c r="AD88" s="97"/>
      <c r="AE88" s="138"/>
    </row>
    <row r="89" spans="2:31" ht="21.95" customHeight="1" x14ac:dyDescent="0.15">
      <c r="B89" s="142" t="s">
        <v>316</v>
      </c>
      <c r="C89" s="143"/>
      <c r="D89" s="143"/>
      <c r="E89" s="143"/>
      <c r="F89" s="143"/>
      <c r="G89" s="143"/>
      <c r="H89" s="144"/>
      <c r="I89" s="137">
        <v>500000</v>
      </c>
      <c r="J89" s="137">
        <v>500000</v>
      </c>
      <c r="K89" s="137">
        <v>21489105</v>
      </c>
      <c r="L89" s="137">
        <v>120259</v>
      </c>
      <c r="M89" s="140">
        <v>21368846</v>
      </c>
      <c r="N89" s="139">
        <v>2.3E-2</v>
      </c>
      <c r="O89" s="140">
        <v>491483</v>
      </c>
      <c r="P89" s="137">
        <v>0</v>
      </c>
      <c r="Q89" s="137">
        <v>500000</v>
      </c>
      <c r="W89" s="211"/>
      <c r="AD89" s="97"/>
      <c r="AE89" s="138"/>
    </row>
    <row r="90" spans="2:31" ht="21.95" customHeight="1" x14ac:dyDescent="0.15">
      <c r="B90" s="142" t="s">
        <v>462</v>
      </c>
      <c r="C90" s="143"/>
      <c r="D90" s="143"/>
      <c r="E90" s="143"/>
      <c r="F90" s="143"/>
      <c r="G90" s="143"/>
      <c r="H90" s="144"/>
      <c r="I90" s="137">
        <v>15000000</v>
      </c>
      <c r="J90" s="137">
        <v>15000000</v>
      </c>
      <c r="K90" s="137">
        <v>1735703621</v>
      </c>
      <c r="L90" s="137">
        <v>79001944</v>
      </c>
      <c r="M90" s="140">
        <v>1656701677</v>
      </c>
      <c r="N90" s="139">
        <v>0.03</v>
      </c>
      <c r="O90" s="140">
        <v>49701050</v>
      </c>
      <c r="P90" s="137">
        <v>0</v>
      </c>
      <c r="Q90" s="137">
        <v>15000000</v>
      </c>
      <c r="W90" s="211"/>
      <c r="AD90" s="97"/>
      <c r="AE90" s="138"/>
    </row>
    <row r="91" spans="2:31" ht="21.95" customHeight="1" x14ac:dyDescent="0.15">
      <c r="B91" s="142" t="s">
        <v>317</v>
      </c>
      <c r="C91" s="143"/>
      <c r="D91" s="143"/>
      <c r="E91" s="143"/>
      <c r="F91" s="143"/>
      <c r="G91" s="143"/>
      <c r="H91" s="144"/>
      <c r="I91" s="137">
        <v>5000000</v>
      </c>
      <c r="J91" s="137">
        <v>5000000</v>
      </c>
      <c r="K91" s="137">
        <v>349706502</v>
      </c>
      <c r="L91" s="137">
        <v>344706502</v>
      </c>
      <c r="M91" s="140">
        <v>5000000</v>
      </c>
      <c r="N91" s="139">
        <v>1</v>
      </c>
      <c r="O91" s="140">
        <v>5000000</v>
      </c>
      <c r="P91" s="137">
        <v>0</v>
      </c>
      <c r="Q91" s="137">
        <v>5000000</v>
      </c>
      <c r="W91" s="211"/>
      <c r="AD91" s="97"/>
      <c r="AE91" s="138"/>
    </row>
    <row r="92" spans="2:31" ht="21.95" customHeight="1" x14ac:dyDescent="0.15">
      <c r="B92" s="142" t="s">
        <v>318</v>
      </c>
      <c r="C92" s="143"/>
      <c r="D92" s="143"/>
      <c r="E92" s="143"/>
      <c r="F92" s="143"/>
      <c r="G92" s="143"/>
      <c r="H92" s="144"/>
      <c r="I92" s="137">
        <v>2000000</v>
      </c>
      <c r="J92" s="137">
        <v>2000000</v>
      </c>
      <c r="K92" s="137">
        <v>1102550545</v>
      </c>
      <c r="L92" s="137">
        <v>659980088</v>
      </c>
      <c r="M92" s="140">
        <v>442570457</v>
      </c>
      <c r="N92" s="139">
        <v>5.3999999999999999E-2</v>
      </c>
      <c r="O92" s="140">
        <v>23898805</v>
      </c>
      <c r="P92" s="137">
        <v>0</v>
      </c>
      <c r="Q92" s="137">
        <v>2000000</v>
      </c>
      <c r="W92" s="211"/>
      <c r="AD92" s="97"/>
      <c r="AE92" s="138"/>
    </row>
    <row r="93" spans="2:31" ht="21.95" customHeight="1" x14ac:dyDescent="0.15">
      <c r="B93" s="142" t="s">
        <v>463</v>
      </c>
      <c r="C93" s="143"/>
      <c r="D93" s="143"/>
      <c r="E93" s="143"/>
      <c r="F93" s="143"/>
      <c r="G93" s="143"/>
      <c r="H93" s="144"/>
      <c r="I93" s="137">
        <v>100000000</v>
      </c>
      <c r="J93" s="137">
        <v>100000000</v>
      </c>
      <c r="K93" s="137">
        <v>70783233540</v>
      </c>
      <c r="L93" s="137">
        <v>67453478648</v>
      </c>
      <c r="M93" s="140">
        <v>3329754892</v>
      </c>
      <c r="N93" s="139">
        <v>1</v>
      </c>
      <c r="O93" s="140">
        <v>3329754892</v>
      </c>
      <c r="P93" s="137">
        <v>0</v>
      </c>
      <c r="Q93" s="137">
        <v>100000000</v>
      </c>
      <c r="W93" s="211"/>
      <c r="AD93" s="97"/>
      <c r="AE93" s="138"/>
    </row>
    <row r="94" spans="2:31" ht="21.95" customHeight="1" x14ac:dyDescent="0.15">
      <c r="B94" s="142" t="s">
        <v>464</v>
      </c>
      <c r="C94" s="143"/>
      <c r="D94" s="143"/>
      <c r="E94" s="143"/>
      <c r="F94" s="143"/>
      <c r="G94" s="143"/>
      <c r="H94" s="144"/>
      <c r="I94" s="137">
        <v>217400000</v>
      </c>
      <c r="J94" s="137">
        <v>217400000</v>
      </c>
      <c r="K94" s="137">
        <v>1779768239</v>
      </c>
      <c r="L94" s="137">
        <v>1223253448</v>
      </c>
      <c r="M94" s="140">
        <v>556514791</v>
      </c>
      <c r="N94" s="139">
        <v>0.67600000000000005</v>
      </c>
      <c r="O94" s="140">
        <v>376203999</v>
      </c>
      <c r="P94" s="137">
        <v>0</v>
      </c>
      <c r="Q94" s="137">
        <v>217400000</v>
      </c>
      <c r="W94" s="211"/>
      <c r="AD94" s="97"/>
      <c r="AE94" s="138"/>
    </row>
    <row r="95" spans="2:31" ht="21.95" customHeight="1" x14ac:dyDescent="0.15">
      <c r="B95" s="142" t="s">
        <v>465</v>
      </c>
      <c r="C95" s="143"/>
      <c r="D95" s="143"/>
      <c r="E95" s="143"/>
      <c r="F95" s="143"/>
      <c r="G95" s="143"/>
      <c r="H95" s="144"/>
      <c r="I95" s="137">
        <v>2200000</v>
      </c>
      <c r="J95" s="137">
        <v>2200000</v>
      </c>
      <c r="K95" s="137">
        <v>507546375</v>
      </c>
      <c r="L95" s="137">
        <v>120903209</v>
      </c>
      <c r="M95" s="140">
        <v>386643166</v>
      </c>
      <c r="N95" s="139">
        <v>0.11</v>
      </c>
      <c r="O95" s="140">
        <v>42530748</v>
      </c>
      <c r="P95" s="137">
        <v>0</v>
      </c>
      <c r="Q95" s="137">
        <v>2200000</v>
      </c>
      <c r="W95" s="211"/>
      <c r="AD95" s="97"/>
      <c r="AE95" s="138"/>
    </row>
    <row r="96" spans="2:31" ht="21.95" customHeight="1" x14ac:dyDescent="0.15">
      <c r="B96" s="142" t="s">
        <v>466</v>
      </c>
      <c r="C96" s="143"/>
      <c r="D96" s="143"/>
      <c r="E96" s="143"/>
      <c r="F96" s="143"/>
      <c r="G96" s="143"/>
      <c r="H96" s="144"/>
      <c r="I96" s="137">
        <v>16670000</v>
      </c>
      <c r="J96" s="137">
        <v>16670000</v>
      </c>
      <c r="K96" s="137">
        <v>43807637126</v>
      </c>
      <c r="L96" s="137">
        <v>28433793497</v>
      </c>
      <c r="M96" s="140">
        <v>15373843629</v>
      </c>
      <c r="N96" s="139">
        <v>0.121</v>
      </c>
      <c r="O96" s="140">
        <v>1860235079</v>
      </c>
      <c r="P96" s="137">
        <v>0</v>
      </c>
      <c r="Q96" s="137">
        <v>16670000</v>
      </c>
      <c r="W96" s="211"/>
      <c r="AD96" s="97"/>
      <c r="AE96" s="138"/>
    </row>
    <row r="97" spans="2:31" ht="21.95" customHeight="1" x14ac:dyDescent="0.15">
      <c r="B97" s="142" t="s">
        <v>467</v>
      </c>
      <c r="C97" s="143"/>
      <c r="D97" s="143"/>
      <c r="E97" s="143"/>
      <c r="F97" s="143"/>
      <c r="G97" s="143"/>
      <c r="H97" s="144"/>
      <c r="I97" s="137">
        <v>150000000</v>
      </c>
      <c r="J97" s="137">
        <v>150000000</v>
      </c>
      <c r="K97" s="137">
        <v>4216126009</v>
      </c>
      <c r="L97" s="137">
        <v>2261297655</v>
      </c>
      <c r="M97" s="140">
        <v>1954828354</v>
      </c>
      <c r="N97" s="139">
        <v>0.371</v>
      </c>
      <c r="O97" s="140">
        <v>725241319</v>
      </c>
      <c r="P97" s="137">
        <v>0</v>
      </c>
      <c r="Q97" s="137">
        <v>150000000</v>
      </c>
      <c r="W97" s="211"/>
      <c r="AD97" s="97"/>
      <c r="AE97" s="138"/>
    </row>
    <row r="98" spans="2:31" ht="21.95" customHeight="1" x14ac:dyDescent="0.15">
      <c r="B98" s="142" t="s">
        <v>319</v>
      </c>
      <c r="C98" s="143"/>
      <c r="D98" s="143"/>
      <c r="E98" s="143"/>
      <c r="F98" s="143"/>
      <c r="G98" s="143"/>
      <c r="H98" s="144"/>
      <c r="I98" s="137">
        <v>30000000</v>
      </c>
      <c r="J98" s="137">
        <v>30000000</v>
      </c>
      <c r="K98" s="137">
        <v>7136284246</v>
      </c>
      <c r="L98" s="137">
        <v>1220462972</v>
      </c>
      <c r="M98" s="140">
        <v>5915821274</v>
      </c>
      <c r="N98" s="139">
        <v>5.0000000000000001E-3</v>
      </c>
      <c r="O98" s="140">
        <v>29579106</v>
      </c>
      <c r="P98" s="137">
        <v>0</v>
      </c>
      <c r="Q98" s="137">
        <v>30000000</v>
      </c>
      <c r="W98" s="211"/>
      <c r="AD98" s="97"/>
      <c r="AE98" s="138"/>
    </row>
    <row r="99" spans="2:31" ht="21.95" customHeight="1" x14ac:dyDescent="0.15">
      <c r="B99" s="142" t="s">
        <v>468</v>
      </c>
      <c r="C99" s="143"/>
      <c r="D99" s="143"/>
      <c r="E99" s="143"/>
      <c r="F99" s="143"/>
      <c r="G99" s="143"/>
      <c r="H99" s="144"/>
      <c r="I99" s="137">
        <v>15000000</v>
      </c>
      <c r="J99" s="137">
        <v>15000000</v>
      </c>
      <c r="K99" s="137">
        <v>1454111545</v>
      </c>
      <c r="L99" s="137">
        <v>4761683</v>
      </c>
      <c r="M99" s="140">
        <v>1449349862</v>
      </c>
      <c r="N99" s="139">
        <v>1.2E-2</v>
      </c>
      <c r="O99" s="140">
        <v>17392198</v>
      </c>
      <c r="P99" s="137">
        <v>0</v>
      </c>
      <c r="Q99" s="137">
        <v>15000000</v>
      </c>
      <c r="W99" s="211"/>
      <c r="AD99" s="97"/>
      <c r="AE99" s="138"/>
    </row>
    <row r="100" spans="2:31" ht="21.95" customHeight="1" x14ac:dyDescent="0.15">
      <c r="B100" s="142" t="s">
        <v>320</v>
      </c>
      <c r="C100" s="143"/>
      <c r="D100" s="143"/>
      <c r="E100" s="143"/>
      <c r="F100" s="143"/>
      <c r="G100" s="143"/>
      <c r="H100" s="144"/>
      <c r="I100" s="137">
        <v>40000000</v>
      </c>
      <c r="J100" s="137">
        <v>40000000</v>
      </c>
      <c r="K100" s="137">
        <v>71819276824</v>
      </c>
      <c r="L100" s="137">
        <v>64298348541</v>
      </c>
      <c r="M100" s="140">
        <v>7520928283</v>
      </c>
      <c r="N100" s="139">
        <v>1</v>
      </c>
      <c r="O100" s="140">
        <v>7520928283</v>
      </c>
      <c r="P100" s="137">
        <v>0</v>
      </c>
      <c r="Q100" s="137">
        <v>40000000</v>
      </c>
      <c r="W100" s="211"/>
      <c r="AD100" s="97"/>
      <c r="AE100" s="138"/>
    </row>
    <row r="101" spans="2:31" ht="21.95" customHeight="1" x14ac:dyDescent="0.15">
      <c r="B101" s="142" t="s">
        <v>469</v>
      </c>
      <c r="C101" s="143"/>
      <c r="D101" s="143"/>
      <c r="E101" s="143"/>
      <c r="F101" s="143"/>
      <c r="G101" s="143"/>
      <c r="H101" s="144"/>
      <c r="I101" s="137">
        <v>250000000</v>
      </c>
      <c r="J101" s="137">
        <v>250000000</v>
      </c>
      <c r="K101" s="137">
        <v>12463414771012</v>
      </c>
      <c r="L101" s="137">
        <v>11273118775682</v>
      </c>
      <c r="M101" s="140">
        <v>1190295995330</v>
      </c>
      <c r="N101" s="139">
        <v>2.0000000000000001E-4</v>
      </c>
      <c r="O101" s="140">
        <v>238059199</v>
      </c>
      <c r="P101" s="137">
        <v>0</v>
      </c>
      <c r="Q101" s="137">
        <v>250000000</v>
      </c>
      <c r="W101" s="211"/>
      <c r="AD101" s="97"/>
      <c r="AE101" s="138"/>
    </row>
    <row r="102" spans="2:31" ht="21.95" customHeight="1" x14ac:dyDescent="0.15">
      <c r="B102" s="142" t="s">
        <v>470</v>
      </c>
      <c r="C102" s="143"/>
      <c r="D102" s="143"/>
      <c r="E102" s="143"/>
      <c r="F102" s="143"/>
      <c r="G102" s="143"/>
      <c r="H102" s="144"/>
      <c r="I102" s="137">
        <v>10000000</v>
      </c>
      <c r="J102" s="135">
        <v>10000000</v>
      </c>
      <c r="K102" s="135">
        <v>2651667407</v>
      </c>
      <c r="L102" s="135">
        <v>33510570</v>
      </c>
      <c r="M102" s="131">
        <v>2618156837</v>
      </c>
      <c r="N102" s="134">
        <v>2.9000000000000001E-2</v>
      </c>
      <c r="O102" s="131">
        <v>75926548</v>
      </c>
      <c r="P102" s="135">
        <v>0</v>
      </c>
      <c r="Q102" s="135">
        <v>10000000</v>
      </c>
      <c r="W102" s="211"/>
      <c r="AD102" s="97"/>
      <c r="AE102" s="138"/>
    </row>
    <row r="103" spans="2:31" ht="21.95" customHeight="1" x14ac:dyDescent="0.15">
      <c r="B103" s="142" t="s">
        <v>321</v>
      </c>
      <c r="C103" s="143"/>
      <c r="D103" s="143"/>
      <c r="E103" s="143"/>
      <c r="F103" s="143"/>
      <c r="G103" s="143"/>
      <c r="H103" s="144"/>
      <c r="I103" s="137">
        <v>50000000</v>
      </c>
      <c r="J103" s="137">
        <v>50000000</v>
      </c>
      <c r="K103" s="137">
        <v>1801116454</v>
      </c>
      <c r="L103" s="137">
        <v>15846452</v>
      </c>
      <c r="M103" s="140">
        <v>1785270002</v>
      </c>
      <c r="N103" s="139">
        <v>0.03</v>
      </c>
      <c r="O103" s="140">
        <v>53558100</v>
      </c>
      <c r="P103" s="137">
        <v>0</v>
      </c>
      <c r="Q103" s="137">
        <v>50000000</v>
      </c>
      <c r="W103" s="211"/>
      <c r="AD103" s="97"/>
      <c r="AE103" s="138"/>
    </row>
    <row r="104" spans="2:31" ht="21.95" customHeight="1" x14ac:dyDescent="0.15">
      <c r="B104" s="142" t="s">
        <v>322</v>
      </c>
      <c r="C104" s="143"/>
      <c r="D104" s="143"/>
      <c r="E104" s="143"/>
      <c r="F104" s="143"/>
      <c r="G104" s="143"/>
      <c r="H104" s="144"/>
      <c r="I104" s="137">
        <v>10000000</v>
      </c>
      <c r="J104" s="137">
        <v>10000000</v>
      </c>
      <c r="K104" s="137">
        <v>1801791461</v>
      </c>
      <c r="L104" s="137">
        <v>411268176</v>
      </c>
      <c r="M104" s="140">
        <v>1390523285</v>
      </c>
      <c r="N104" s="139">
        <v>3.2000000000000001E-2</v>
      </c>
      <c r="O104" s="140">
        <v>44496745</v>
      </c>
      <c r="P104" s="137">
        <v>0</v>
      </c>
      <c r="Q104" s="137">
        <v>10000000</v>
      </c>
      <c r="W104" s="211"/>
      <c r="AD104" s="97"/>
      <c r="AE104" s="138"/>
    </row>
    <row r="105" spans="2:31" ht="21.95" customHeight="1" x14ac:dyDescent="0.15">
      <c r="B105" s="142" t="s">
        <v>323</v>
      </c>
      <c r="C105" s="143"/>
      <c r="D105" s="143"/>
      <c r="E105" s="143"/>
      <c r="F105" s="143"/>
      <c r="G105" s="143"/>
      <c r="H105" s="144"/>
      <c r="I105" s="137">
        <v>1000000</v>
      </c>
      <c r="J105" s="137">
        <v>1000000</v>
      </c>
      <c r="K105" s="137">
        <v>2224529903</v>
      </c>
      <c r="L105" s="137">
        <v>236993749</v>
      </c>
      <c r="M105" s="140">
        <v>1987536154</v>
      </c>
      <c r="N105" s="139">
        <v>3.0000000000000001E-3</v>
      </c>
      <c r="O105" s="140">
        <v>5962608</v>
      </c>
      <c r="P105" s="137">
        <v>0</v>
      </c>
      <c r="Q105" s="137">
        <v>1000000</v>
      </c>
      <c r="W105" s="211"/>
      <c r="AD105" s="97"/>
      <c r="AE105" s="138"/>
    </row>
    <row r="106" spans="2:31" ht="21.95" customHeight="1" x14ac:dyDescent="0.15">
      <c r="B106" s="142" t="s">
        <v>471</v>
      </c>
      <c r="C106" s="143"/>
      <c r="D106" s="143"/>
      <c r="E106" s="143"/>
      <c r="F106" s="143"/>
      <c r="G106" s="143"/>
      <c r="H106" s="144"/>
      <c r="I106" s="137">
        <v>10000000</v>
      </c>
      <c r="J106" s="137">
        <v>10000000</v>
      </c>
      <c r="K106" s="137">
        <v>30829383467</v>
      </c>
      <c r="L106" s="137">
        <v>487986042</v>
      </c>
      <c r="M106" s="140">
        <v>30341397425</v>
      </c>
      <c r="N106" s="139">
        <v>3.6999999999999998E-2</v>
      </c>
      <c r="O106" s="140">
        <v>1122631705</v>
      </c>
      <c r="P106" s="137">
        <v>0</v>
      </c>
      <c r="Q106" s="137">
        <v>10000000</v>
      </c>
      <c r="T106" s="212"/>
      <c r="W106" s="211"/>
      <c r="AD106" s="97"/>
      <c r="AE106" s="138"/>
    </row>
    <row r="107" spans="2:31" ht="21.95" customHeight="1" x14ac:dyDescent="0.15">
      <c r="B107" s="142" t="s">
        <v>472</v>
      </c>
      <c r="C107" s="143"/>
      <c r="D107" s="143"/>
      <c r="E107" s="143"/>
      <c r="F107" s="143"/>
      <c r="G107" s="143"/>
      <c r="H107" s="144"/>
      <c r="I107" s="137">
        <v>5000000</v>
      </c>
      <c r="J107" s="137">
        <v>5000000</v>
      </c>
      <c r="K107" s="137">
        <v>5781368826</v>
      </c>
      <c r="L107" s="137">
        <v>2572407498</v>
      </c>
      <c r="M107" s="140">
        <v>3208961328</v>
      </c>
      <c r="N107" s="139">
        <v>9.5999999999999992E-3</v>
      </c>
      <c r="O107" s="140">
        <v>30806029</v>
      </c>
      <c r="P107" s="137">
        <v>0</v>
      </c>
      <c r="Q107" s="137">
        <v>5000000</v>
      </c>
      <c r="W107" s="211"/>
      <c r="AD107" s="97"/>
      <c r="AE107" s="138"/>
    </row>
    <row r="108" spans="2:31" ht="21.95" customHeight="1" x14ac:dyDescent="0.15">
      <c r="B108" s="142" t="s">
        <v>473</v>
      </c>
      <c r="C108" s="143"/>
      <c r="D108" s="143"/>
      <c r="E108" s="143"/>
      <c r="F108" s="143"/>
      <c r="G108" s="143"/>
      <c r="H108" s="144"/>
      <c r="I108" s="137">
        <v>69000000</v>
      </c>
      <c r="J108" s="137">
        <v>69000000</v>
      </c>
      <c r="K108" s="137">
        <v>3733421278</v>
      </c>
      <c r="L108" s="137">
        <v>1955346314</v>
      </c>
      <c r="M108" s="140">
        <v>1778074964</v>
      </c>
      <c r="N108" s="139">
        <v>0.13250000000000001</v>
      </c>
      <c r="O108" s="140">
        <v>235594933</v>
      </c>
      <c r="P108" s="137">
        <v>0</v>
      </c>
      <c r="Q108" s="137">
        <v>69000000</v>
      </c>
      <c r="W108" s="211"/>
      <c r="AD108" s="97"/>
      <c r="AE108" s="138"/>
    </row>
    <row r="109" spans="2:31" ht="21.95" customHeight="1" x14ac:dyDescent="0.15">
      <c r="B109" s="142" t="s">
        <v>474</v>
      </c>
      <c r="C109" s="143"/>
      <c r="D109" s="143"/>
      <c r="E109" s="143"/>
      <c r="F109" s="143"/>
      <c r="G109" s="143"/>
      <c r="H109" s="144"/>
      <c r="I109" s="137">
        <v>10000000</v>
      </c>
      <c r="J109" s="137">
        <v>10000000</v>
      </c>
      <c r="K109" s="137">
        <v>1945597298</v>
      </c>
      <c r="L109" s="137">
        <v>354466455</v>
      </c>
      <c r="M109" s="140">
        <v>1591130843</v>
      </c>
      <c r="N109" s="139">
        <v>1.84E-2</v>
      </c>
      <c r="O109" s="140">
        <v>29276808</v>
      </c>
      <c r="P109" s="137">
        <v>0</v>
      </c>
      <c r="Q109" s="137">
        <v>10000000</v>
      </c>
      <c r="W109" s="211"/>
      <c r="AD109" s="97"/>
      <c r="AE109" s="138"/>
    </row>
    <row r="110" spans="2:31" ht="21.95" customHeight="1" x14ac:dyDescent="0.15">
      <c r="B110" s="142" t="s">
        <v>475</v>
      </c>
      <c r="C110" s="143"/>
      <c r="D110" s="143"/>
      <c r="E110" s="143"/>
      <c r="F110" s="143"/>
      <c r="G110" s="143"/>
      <c r="H110" s="144"/>
      <c r="I110" s="137">
        <v>3000000</v>
      </c>
      <c r="J110" s="137">
        <v>3000000</v>
      </c>
      <c r="K110" s="137">
        <v>345673845</v>
      </c>
      <c r="L110" s="137">
        <v>49217838</v>
      </c>
      <c r="M110" s="140">
        <v>296456007</v>
      </c>
      <c r="N110" s="139">
        <v>1.3299999999999999E-2</v>
      </c>
      <c r="O110" s="140">
        <v>3942865</v>
      </c>
      <c r="P110" s="137">
        <v>0</v>
      </c>
      <c r="Q110" s="137">
        <v>3000000</v>
      </c>
      <c r="W110" s="211"/>
      <c r="AD110" s="97"/>
      <c r="AE110" s="138"/>
    </row>
    <row r="111" spans="2:31" ht="21.95" customHeight="1" x14ac:dyDescent="0.15">
      <c r="B111" s="142" t="s">
        <v>476</v>
      </c>
      <c r="C111" s="143"/>
      <c r="D111" s="143"/>
      <c r="E111" s="143"/>
      <c r="F111" s="143"/>
      <c r="G111" s="143"/>
      <c r="H111" s="144"/>
      <c r="I111" s="137">
        <v>200000000</v>
      </c>
      <c r="J111" s="137">
        <v>200000000</v>
      </c>
      <c r="K111" s="137">
        <v>10570422675</v>
      </c>
      <c r="L111" s="137">
        <v>62572495</v>
      </c>
      <c r="M111" s="140">
        <v>10507850180</v>
      </c>
      <c r="N111" s="139">
        <v>0.22500000000000001</v>
      </c>
      <c r="O111" s="140">
        <v>2364266291</v>
      </c>
      <c r="P111" s="137">
        <v>0</v>
      </c>
      <c r="Q111" s="137">
        <v>200000000</v>
      </c>
      <c r="W111" s="211"/>
      <c r="AD111" s="97"/>
      <c r="AE111" s="138"/>
    </row>
    <row r="112" spans="2:31" ht="21.95" customHeight="1" x14ac:dyDescent="0.15">
      <c r="B112" s="142" t="s">
        <v>477</v>
      </c>
      <c r="C112" s="143"/>
      <c r="D112" s="143"/>
      <c r="E112" s="143"/>
      <c r="F112" s="143"/>
      <c r="G112" s="143"/>
      <c r="H112" s="144"/>
      <c r="I112" s="137">
        <v>5000000</v>
      </c>
      <c r="J112" s="137">
        <v>5000000</v>
      </c>
      <c r="K112" s="137">
        <v>1680754055</v>
      </c>
      <c r="L112" s="137">
        <v>121146940</v>
      </c>
      <c r="M112" s="140">
        <v>1559607115</v>
      </c>
      <c r="N112" s="139">
        <v>0.01</v>
      </c>
      <c r="O112" s="140">
        <v>15596071</v>
      </c>
      <c r="P112" s="137">
        <v>0</v>
      </c>
      <c r="Q112" s="137">
        <v>5000000</v>
      </c>
      <c r="W112" s="211"/>
      <c r="AD112" s="97"/>
      <c r="AE112" s="138"/>
    </row>
    <row r="113" spans="2:31" ht="21.95" customHeight="1" x14ac:dyDescent="0.15">
      <c r="B113" s="142" t="s">
        <v>478</v>
      </c>
      <c r="C113" s="143"/>
      <c r="D113" s="143"/>
      <c r="E113" s="143"/>
      <c r="F113" s="143"/>
      <c r="G113" s="143"/>
      <c r="H113" s="144"/>
      <c r="I113" s="137">
        <v>10000000</v>
      </c>
      <c r="J113" s="137">
        <v>10000000</v>
      </c>
      <c r="K113" s="137">
        <v>6095812835</v>
      </c>
      <c r="L113" s="137">
        <v>1863607626</v>
      </c>
      <c r="M113" s="140">
        <v>4232205209</v>
      </c>
      <c r="N113" s="139">
        <v>2.1000000000000001E-2</v>
      </c>
      <c r="O113" s="140">
        <v>88876309</v>
      </c>
      <c r="P113" s="137">
        <v>0</v>
      </c>
      <c r="Q113" s="137">
        <v>10000000</v>
      </c>
      <c r="W113" s="211"/>
      <c r="AD113" s="97"/>
      <c r="AE113" s="138"/>
    </row>
    <row r="114" spans="2:31" ht="21.95" customHeight="1" x14ac:dyDescent="0.15">
      <c r="B114" s="142" t="s">
        <v>479</v>
      </c>
      <c r="C114" s="143"/>
      <c r="D114" s="143"/>
      <c r="E114" s="143"/>
      <c r="F114" s="143"/>
      <c r="G114" s="143"/>
      <c r="H114" s="144"/>
      <c r="I114" s="137">
        <v>200000</v>
      </c>
      <c r="J114" s="137">
        <v>200000</v>
      </c>
      <c r="K114" s="137">
        <v>1656175444</v>
      </c>
      <c r="L114" s="137">
        <v>576818</v>
      </c>
      <c r="M114" s="140">
        <v>1655598626</v>
      </c>
      <c r="N114" s="139">
        <v>1.2076015299258356E-4</v>
      </c>
      <c r="O114" s="140">
        <v>199930</v>
      </c>
      <c r="P114" s="137">
        <v>0</v>
      </c>
      <c r="Q114" s="137">
        <v>200000</v>
      </c>
      <c r="W114" s="211"/>
      <c r="AD114" s="97"/>
      <c r="AE114" s="138"/>
    </row>
    <row r="115" spans="2:31" ht="21.95" customHeight="1" x14ac:dyDescent="0.15">
      <c r="B115" s="142" t="s">
        <v>480</v>
      </c>
      <c r="C115" s="143"/>
      <c r="D115" s="143"/>
      <c r="E115" s="143"/>
      <c r="F115" s="143"/>
      <c r="G115" s="143"/>
      <c r="H115" s="144"/>
      <c r="I115" s="137">
        <v>250000</v>
      </c>
      <c r="J115" s="137">
        <v>57297</v>
      </c>
      <c r="K115" s="137">
        <v>115520733</v>
      </c>
      <c r="L115" s="137">
        <v>83949785</v>
      </c>
      <c r="M115" s="140">
        <v>31570948</v>
      </c>
      <c r="N115" s="139">
        <v>0.01</v>
      </c>
      <c r="O115" s="140">
        <v>315709</v>
      </c>
      <c r="P115" s="137">
        <v>0</v>
      </c>
      <c r="Q115" s="137">
        <v>57297</v>
      </c>
      <c r="W115" s="211"/>
      <c r="AD115" s="97"/>
      <c r="AE115" s="138"/>
    </row>
    <row r="116" spans="2:31" ht="21.95" customHeight="1" x14ac:dyDescent="0.15">
      <c r="B116" s="142" t="s">
        <v>481</v>
      </c>
      <c r="C116" s="143"/>
      <c r="D116" s="143"/>
      <c r="E116" s="143"/>
      <c r="F116" s="143"/>
      <c r="G116" s="143"/>
      <c r="H116" s="144"/>
      <c r="I116" s="137">
        <v>100000000</v>
      </c>
      <c r="J116" s="137">
        <v>100000000</v>
      </c>
      <c r="K116" s="137">
        <v>2057119473</v>
      </c>
      <c r="L116" s="137">
        <v>8797877</v>
      </c>
      <c r="M116" s="140">
        <v>2048321596</v>
      </c>
      <c r="N116" s="139">
        <v>0.5</v>
      </c>
      <c r="O116" s="140">
        <v>1024160798</v>
      </c>
      <c r="P116" s="137">
        <v>0</v>
      </c>
      <c r="Q116" s="137">
        <v>100000000</v>
      </c>
      <c r="W116" s="211"/>
      <c r="AD116" s="97"/>
      <c r="AE116" s="138"/>
    </row>
    <row r="117" spans="2:31" ht="21.95" customHeight="1" x14ac:dyDescent="0.15">
      <c r="B117" s="142" t="s">
        <v>482</v>
      </c>
      <c r="C117" s="143"/>
      <c r="D117" s="143"/>
      <c r="E117" s="143"/>
      <c r="F117" s="143"/>
      <c r="G117" s="143"/>
      <c r="H117" s="144"/>
      <c r="I117" s="137">
        <v>44567319868</v>
      </c>
      <c r="J117" s="137">
        <v>11187569533</v>
      </c>
      <c r="K117" s="137">
        <v>81441585379</v>
      </c>
      <c r="L117" s="137">
        <v>70727693668</v>
      </c>
      <c r="M117" s="140">
        <v>10713891711</v>
      </c>
      <c r="N117" s="139">
        <v>1</v>
      </c>
      <c r="O117" s="140">
        <v>10713891711</v>
      </c>
      <c r="P117" s="137">
        <v>0</v>
      </c>
      <c r="Q117" s="137">
        <v>11187569533</v>
      </c>
      <c r="W117" s="211"/>
      <c r="AD117" s="97"/>
      <c r="AE117" s="138"/>
    </row>
    <row r="118" spans="2:31" ht="21.95" customHeight="1" x14ac:dyDescent="0.15">
      <c r="B118" s="142" t="s">
        <v>483</v>
      </c>
      <c r="C118" s="143"/>
      <c r="D118" s="143"/>
      <c r="E118" s="143"/>
      <c r="F118" s="143"/>
      <c r="G118" s="143"/>
      <c r="H118" s="144"/>
      <c r="I118" s="137">
        <v>79234284077</v>
      </c>
      <c r="J118" s="137">
        <v>79234284077</v>
      </c>
      <c r="K118" s="137">
        <v>257467739367</v>
      </c>
      <c r="L118" s="137">
        <v>156140673119</v>
      </c>
      <c r="M118" s="140">
        <v>101327066248</v>
      </c>
      <c r="N118" s="139">
        <v>1</v>
      </c>
      <c r="O118" s="140">
        <v>101327066248</v>
      </c>
      <c r="P118" s="137">
        <v>0</v>
      </c>
      <c r="Q118" s="137">
        <v>79234284077</v>
      </c>
      <c r="AD118" s="97"/>
      <c r="AE118" s="138"/>
    </row>
    <row r="119" spans="2:31" ht="21.95" customHeight="1" x14ac:dyDescent="0.15">
      <c r="B119" s="142" t="s">
        <v>484</v>
      </c>
      <c r="C119" s="143"/>
      <c r="D119" s="143"/>
      <c r="E119" s="143"/>
      <c r="F119" s="143"/>
      <c r="G119" s="143"/>
      <c r="H119" s="144"/>
      <c r="I119" s="137">
        <v>12883372000</v>
      </c>
      <c r="J119" s="137">
        <v>12883372000</v>
      </c>
      <c r="K119" s="137">
        <v>1170928936852</v>
      </c>
      <c r="L119" s="137">
        <v>882342848328</v>
      </c>
      <c r="M119" s="140">
        <v>288586088524</v>
      </c>
      <c r="N119" s="139">
        <v>1</v>
      </c>
      <c r="O119" s="140">
        <v>288586088524</v>
      </c>
      <c r="P119" s="137">
        <v>0</v>
      </c>
      <c r="Q119" s="137">
        <v>12883372000</v>
      </c>
      <c r="AD119" s="97"/>
      <c r="AE119" s="138"/>
    </row>
    <row r="120" spans="2:31" ht="21.95" customHeight="1" x14ac:dyDescent="0.15">
      <c r="B120" s="142" t="s">
        <v>485</v>
      </c>
      <c r="C120" s="143"/>
      <c r="D120" s="143"/>
      <c r="E120" s="143"/>
      <c r="F120" s="143"/>
      <c r="G120" s="143"/>
      <c r="H120" s="144"/>
      <c r="I120" s="137">
        <v>32233000000</v>
      </c>
      <c r="J120" s="137">
        <v>32233000000</v>
      </c>
      <c r="K120" s="137">
        <v>473141821778</v>
      </c>
      <c r="L120" s="137">
        <v>184984187071</v>
      </c>
      <c r="M120" s="140">
        <v>288157634707</v>
      </c>
      <c r="N120" s="139">
        <v>1</v>
      </c>
      <c r="O120" s="140">
        <v>288157634707</v>
      </c>
      <c r="P120" s="137">
        <v>0</v>
      </c>
      <c r="Q120" s="137">
        <v>32233000000</v>
      </c>
      <c r="AD120" s="97"/>
      <c r="AE120" s="138"/>
    </row>
    <row r="121" spans="2:31" ht="21.95" customHeight="1" x14ac:dyDescent="0.15">
      <c r="B121" s="142" t="s">
        <v>486</v>
      </c>
      <c r="C121" s="143"/>
      <c r="D121" s="143"/>
      <c r="E121" s="143"/>
      <c r="F121" s="143"/>
      <c r="G121" s="143"/>
      <c r="H121" s="144"/>
      <c r="I121" s="137">
        <v>80949757</v>
      </c>
      <c r="J121" s="137">
        <v>80949757</v>
      </c>
      <c r="K121" s="137">
        <v>20957750254</v>
      </c>
      <c r="L121" s="137">
        <v>4720686927</v>
      </c>
      <c r="M121" s="140">
        <v>16237063327</v>
      </c>
      <c r="N121" s="139">
        <v>1</v>
      </c>
      <c r="O121" s="140">
        <v>16237063327</v>
      </c>
      <c r="P121" s="137">
        <v>0</v>
      </c>
      <c r="Q121" s="137">
        <v>80949757</v>
      </c>
      <c r="AD121" s="97"/>
      <c r="AE121" s="138"/>
    </row>
    <row r="122" spans="2:31" ht="21.95" customHeight="1" x14ac:dyDescent="0.15">
      <c r="B122" s="306" t="s">
        <v>232</v>
      </c>
      <c r="C122" s="307"/>
      <c r="D122" s="307"/>
      <c r="E122" s="307"/>
      <c r="F122" s="307"/>
      <c r="G122" s="307"/>
      <c r="H122" s="308"/>
      <c r="I122" s="92">
        <f>SUM(I50:I121)</f>
        <v>433463749125</v>
      </c>
      <c r="J122" s="92">
        <f>SUM(J50:J121)</f>
        <v>400007496218</v>
      </c>
      <c r="K122" s="95"/>
      <c r="L122" s="95"/>
      <c r="M122" s="95"/>
      <c r="N122" s="98"/>
      <c r="O122" s="95"/>
      <c r="P122" s="92">
        <f>SUM(P50:P121)</f>
        <v>0</v>
      </c>
      <c r="Q122" s="92">
        <f>SUM(Q50:Q121)</f>
        <v>400007496218</v>
      </c>
      <c r="Y122" s="213"/>
    </row>
    <row r="124" spans="2:31" x14ac:dyDescent="0.15">
      <c r="Q124" s="97"/>
    </row>
  </sheetData>
  <mergeCells count="17">
    <mergeCell ref="B122:H122"/>
    <mergeCell ref="B45:H45"/>
    <mergeCell ref="B48:H49"/>
    <mergeCell ref="I48:I49"/>
    <mergeCell ref="A68:K68"/>
    <mergeCell ref="A72:K72"/>
    <mergeCell ref="L72:R72"/>
    <mergeCell ref="B75:H76"/>
    <mergeCell ref="I75:I76"/>
    <mergeCell ref="A1:K1"/>
    <mergeCell ref="A5:K5"/>
    <mergeCell ref="L5:R5"/>
    <mergeCell ref="B8:H9"/>
    <mergeCell ref="B10:H10"/>
    <mergeCell ref="B11:H11"/>
    <mergeCell ref="B14:H15"/>
    <mergeCell ref="I14:I15"/>
  </mergeCells>
  <phoneticPr fontId="24"/>
  <printOptions horizontalCentered="1"/>
  <pageMargins left="0.19685039370078741" right="0.19685039370078741" top="0.31496062992125984" bottom="0.19685039370078741" header="0.11811023622047245" footer="0.11811023622047245"/>
  <pageSetup paperSize="9" scale="58" firstPageNumber="12" fitToWidth="2" fitToHeight="0" pageOrder="overThenDown" orientation="portrait" useFirstPageNumber="1" r:id="rId1"/>
  <headerFooter alignWithMargins="0">
    <oddFooter>&amp;C&amp;"ＭＳ Ｐ明朝,標準"&amp;20&amp;P</oddFooter>
  </headerFooter>
  <rowBreaks count="1" manualBreakCount="1">
    <brk id="67" max="17"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45"/>
  <sheetViews>
    <sheetView showGridLines="0" view="pageBreakPreview" zoomScaleNormal="70" zoomScaleSheetLayoutView="100" workbookViewId="0"/>
  </sheetViews>
  <sheetFormatPr defaultColWidth="8.875" defaultRowHeight="18.75" x14ac:dyDescent="0.15"/>
  <cols>
    <col min="1" max="1" width="35.625" style="73" customWidth="1"/>
    <col min="2" max="7" width="3.5" style="73" customWidth="1"/>
    <col min="8" max="8" width="110.625" style="73" customWidth="1"/>
    <col min="9" max="12" width="32.625" style="73" customWidth="1"/>
    <col min="13" max="13" width="35.625" style="73" customWidth="1"/>
    <col min="14" max="14" width="23.625" style="73" customWidth="1"/>
    <col min="15" max="250" width="8.875" style="73"/>
    <col min="251" max="257" width="3.5" style="73" customWidth="1"/>
    <col min="258" max="258" width="15.625" style="73" customWidth="1"/>
    <col min="259" max="265" width="25.625" style="73" customWidth="1"/>
    <col min="266" max="506" width="8.875" style="73"/>
    <col min="507" max="513" width="3.5" style="73" customWidth="1"/>
    <col min="514" max="514" width="15.625" style="73" customWidth="1"/>
    <col min="515" max="521" width="25.625" style="73" customWidth="1"/>
    <col min="522" max="762" width="8.875" style="73"/>
    <col min="763" max="769" width="3.5" style="73" customWidth="1"/>
    <col min="770" max="770" width="15.625" style="73" customWidth="1"/>
    <col min="771" max="777" width="25.625" style="73" customWidth="1"/>
    <col min="778" max="1018" width="8.875" style="73"/>
    <col min="1019" max="1025" width="3.5" style="73" customWidth="1"/>
    <col min="1026" max="1026" width="15.625" style="73" customWidth="1"/>
    <col min="1027" max="1033" width="25.625" style="73" customWidth="1"/>
    <col min="1034" max="1274" width="8.875" style="73"/>
    <col min="1275" max="1281" width="3.5" style="73" customWidth="1"/>
    <col min="1282" max="1282" width="15.625" style="73" customWidth="1"/>
    <col min="1283" max="1289" width="25.625" style="73" customWidth="1"/>
    <col min="1290" max="1530" width="8.875" style="73"/>
    <col min="1531" max="1537" width="3.5" style="73" customWidth="1"/>
    <col min="1538" max="1538" width="15.625" style="73" customWidth="1"/>
    <col min="1539" max="1545" width="25.625" style="73" customWidth="1"/>
    <col min="1546" max="1786" width="8.875" style="73"/>
    <col min="1787" max="1793" width="3.5" style="73" customWidth="1"/>
    <col min="1794" max="1794" width="15.625" style="73" customWidth="1"/>
    <col min="1795" max="1801" width="25.625" style="73" customWidth="1"/>
    <col min="1802" max="2042" width="8.875" style="73"/>
    <col min="2043" max="2049" width="3.5" style="73" customWidth="1"/>
    <col min="2050" max="2050" width="15.625" style="73" customWidth="1"/>
    <col min="2051" max="2057" width="25.625" style="73" customWidth="1"/>
    <col min="2058" max="2298" width="8.875" style="73"/>
    <col min="2299" max="2305" width="3.5" style="73" customWidth="1"/>
    <col min="2306" max="2306" width="15.625" style="73" customWidth="1"/>
    <col min="2307" max="2313" width="25.625" style="73" customWidth="1"/>
    <col min="2314" max="2554" width="8.875" style="73"/>
    <col min="2555" max="2561" width="3.5" style="73" customWidth="1"/>
    <col min="2562" max="2562" width="15.625" style="73" customWidth="1"/>
    <col min="2563" max="2569" width="25.625" style="73" customWidth="1"/>
    <col min="2570" max="2810" width="8.875" style="73"/>
    <col min="2811" max="2817" width="3.5" style="73" customWidth="1"/>
    <col min="2818" max="2818" width="15.625" style="73" customWidth="1"/>
    <col min="2819" max="2825" width="25.625" style="73" customWidth="1"/>
    <col min="2826" max="3066" width="8.875" style="73"/>
    <col min="3067" max="3073" width="3.5" style="73" customWidth="1"/>
    <col min="3074" max="3074" width="15.625" style="73" customWidth="1"/>
    <col min="3075" max="3081" width="25.625" style="73" customWidth="1"/>
    <col min="3082" max="3322" width="8.875" style="73"/>
    <col min="3323" max="3329" width="3.5" style="73" customWidth="1"/>
    <col min="3330" max="3330" width="15.625" style="73" customWidth="1"/>
    <col min="3331" max="3337" width="25.625" style="73" customWidth="1"/>
    <col min="3338" max="3578" width="8.875" style="73"/>
    <col min="3579" max="3585" width="3.5" style="73" customWidth="1"/>
    <col min="3586" max="3586" width="15.625" style="73" customWidth="1"/>
    <col min="3587" max="3593" width="25.625" style="73" customWidth="1"/>
    <col min="3594" max="3834" width="8.875" style="73"/>
    <col min="3835" max="3841" width="3.5" style="73" customWidth="1"/>
    <col min="3842" max="3842" width="15.625" style="73" customWidth="1"/>
    <col min="3843" max="3849" width="25.625" style="73" customWidth="1"/>
    <col min="3850" max="4090" width="8.875" style="73"/>
    <col min="4091" max="4097" width="3.5" style="73" customWidth="1"/>
    <col min="4098" max="4098" width="15.625" style="73" customWidth="1"/>
    <col min="4099" max="4105" width="25.625" style="73" customWidth="1"/>
    <col min="4106" max="4346" width="8.875" style="73"/>
    <col min="4347" max="4353" width="3.5" style="73" customWidth="1"/>
    <col min="4354" max="4354" width="15.625" style="73" customWidth="1"/>
    <col min="4355" max="4361" width="25.625" style="73" customWidth="1"/>
    <col min="4362" max="4602" width="8.875" style="73"/>
    <col min="4603" max="4609" width="3.5" style="73" customWidth="1"/>
    <col min="4610" max="4610" width="15.625" style="73" customWidth="1"/>
    <col min="4611" max="4617" width="25.625" style="73" customWidth="1"/>
    <col min="4618" max="4858" width="8.875" style="73"/>
    <col min="4859" max="4865" width="3.5" style="73" customWidth="1"/>
    <col min="4866" max="4866" width="15.625" style="73" customWidth="1"/>
    <col min="4867" max="4873" width="25.625" style="73" customWidth="1"/>
    <col min="4874" max="5114" width="8.875" style="73"/>
    <col min="5115" max="5121" width="3.5" style="73" customWidth="1"/>
    <col min="5122" max="5122" width="15.625" style="73" customWidth="1"/>
    <col min="5123" max="5129" width="25.625" style="73" customWidth="1"/>
    <col min="5130" max="5370" width="8.875" style="73"/>
    <col min="5371" max="5377" width="3.5" style="73" customWidth="1"/>
    <col min="5378" max="5378" width="15.625" style="73" customWidth="1"/>
    <col min="5379" max="5385" width="25.625" style="73" customWidth="1"/>
    <col min="5386" max="5626" width="8.875" style="73"/>
    <col min="5627" max="5633" width="3.5" style="73" customWidth="1"/>
    <col min="5634" max="5634" width="15.625" style="73" customWidth="1"/>
    <col min="5635" max="5641" width="25.625" style="73" customWidth="1"/>
    <col min="5642" max="5882" width="8.875" style="73"/>
    <col min="5883" max="5889" width="3.5" style="73" customWidth="1"/>
    <col min="5890" max="5890" width="15.625" style="73" customWidth="1"/>
    <col min="5891" max="5897" width="25.625" style="73" customWidth="1"/>
    <col min="5898" max="6138" width="8.875" style="73"/>
    <col min="6139" max="6145" width="3.5" style="73" customWidth="1"/>
    <col min="6146" max="6146" width="15.625" style="73" customWidth="1"/>
    <col min="6147" max="6153" width="25.625" style="73" customWidth="1"/>
    <col min="6154" max="6394" width="8.875" style="73"/>
    <col min="6395" max="6401" width="3.5" style="73" customWidth="1"/>
    <col min="6402" max="6402" width="15.625" style="73" customWidth="1"/>
    <col min="6403" max="6409" width="25.625" style="73" customWidth="1"/>
    <col min="6410" max="6650" width="8.875" style="73"/>
    <col min="6651" max="6657" width="3.5" style="73" customWidth="1"/>
    <col min="6658" max="6658" width="15.625" style="73" customWidth="1"/>
    <col min="6659" max="6665" width="25.625" style="73" customWidth="1"/>
    <col min="6666" max="6906" width="8.875" style="73"/>
    <col min="6907" max="6913" width="3.5" style="73" customWidth="1"/>
    <col min="6914" max="6914" width="15.625" style="73" customWidth="1"/>
    <col min="6915" max="6921" width="25.625" style="73" customWidth="1"/>
    <col min="6922" max="7162" width="8.875" style="73"/>
    <col min="7163" max="7169" width="3.5" style="73" customWidth="1"/>
    <col min="7170" max="7170" width="15.625" style="73" customWidth="1"/>
    <col min="7171" max="7177" width="25.625" style="73" customWidth="1"/>
    <col min="7178" max="7418" width="8.875" style="73"/>
    <col min="7419" max="7425" width="3.5" style="73" customWidth="1"/>
    <col min="7426" max="7426" width="15.625" style="73" customWidth="1"/>
    <col min="7427" max="7433" width="25.625" style="73" customWidth="1"/>
    <col min="7434" max="7674" width="8.875" style="73"/>
    <col min="7675" max="7681" width="3.5" style="73" customWidth="1"/>
    <col min="7682" max="7682" width="15.625" style="73" customWidth="1"/>
    <col min="7683" max="7689" width="25.625" style="73" customWidth="1"/>
    <col min="7690" max="7930" width="8.875" style="73"/>
    <col min="7931" max="7937" width="3.5" style="73" customWidth="1"/>
    <col min="7938" max="7938" width="15.625" style="73" customWidth="1"/>
    <col min="7939" max="7945" width="25.625" style="73" customWidth="1"/>
    <col min="7946" max="8186" width="8.875" style="73"/>
    <col min="8187" max="8193" width="3.5" style="73" customWidth="1"/>
    <col min="8194" max="8194" width="15.625" style="73" customWidth="1"/>
    <col min="8195" max="8201" width="25.625" style="73" customWidth="1"/>
    <col min="8202" max="8442" width="8.875" style="73"/>
    <col min="8443" max="8449" width="3.5" style="73" customWidth="1"/>
    <col min="8450" max="8450" width="15.625" style="73" customWidth="1"/>
    <col min="8451" max="8457" width="25.625" style="73" customWidth="1"/>
    <col min="8458" max="8698" width="8.875" style="73"/>
    <col min="8699" max="8705" width="3.5" style="73" customWidth="1"/>
    <col min="8706" max="8706" width="15.625" style="73" customWidth="1"/>
    <col min="8707" max="8713" width="25.625" style="73" customWidth="1"/>
    <col min="8714" max="8954" width="8.875" style="73"/>
    <col min="8955" max="8961" width="3.5" style="73" customWidth="1"/>
    <col min="8962" max="8962" width="15.625" style="73" customWidth="1"/>
    <col min="8963" max="8969" width="25.625" style="73" customWidth="1"/>
    <col min="8970" max="9210" width="8.875" style="73"/>
    <col min="9211" max="9217" width="3.5" style="73" customWidth="1"/>
    <col min="9218" max="9218" width="15.625" style="73" customWidth="1"/>
    <col min="9219" max="9225" width="25.625" style="73" customWidth="1"/>
    <col min="9226" max="9466" width="8.875" style="73"/>
    <col min="9467" max="9473" width="3.5" style="73" customWidth="1"/>
    <col min="9474" max="9474" width="15.625" style="73" customWidth="1"/>
    <col min="9475" max="9481" width="25.625" style="73" customWidth="1"/>
    <col min="9482" max="9722" width="8.875" style="73"/>
    <col min="9723" max="9729" width="3.5" style="73" customWidth="1"/>
    <col min="9730" max="9730" width="15.625" style="73" customWidth="1"/>
    <col min="9731" max="9737" width="25.625" style="73" customWidth="1"/>
    <col min="9738" max="9978" width="8.875" style="73"/>
    <col min="9979" max="9985" width="3.5" style="73" customWidth="1"/>
    <col min="9986" max="9986" width="15.625" style="73" customWidth="1"/>
    <col min="9987" max="9993" width="25.625" style="73" customWidth="1"/>
    <col min="9994" max="10234" width="8.875" style="73"/>
    <col min="10235" max="10241" width="3.5" style="73" customWidth="1"/>
    <col min="10242" max="10242" width="15.625" style="73" customWidth="1"/>
    <col min="10243" max="10249" width="25.625" style="73" customWidth="1"/>
    <col min="10250" max="10490" width="8.875" style="73"/>
    <col min="10491" max="10497" width="3.5" style="73" customWidth="1"/>
    <col min="10498" max="10498" width="15.625" style="73" customWidth="1"/>
    <col min="10499" max="10505" width="25.625" style="73" customWidth="1"/>
    <col min="10506" max="10746" width="8.875" style="73"/>
    <col min="10747" max="10753" width="3.5" style="73" customWidth="1"/>
    <col min="10754" max="10754" width="15.625" style="73" customWidth="1"/>
    <col min="10755" max="10761" width="25.625" style="73" customWidth="1"/>
    <col min="10762" max="11002" width="8.875" style="73"/>
    <col min="11003" max="11009" width="3.5" style="73" customWidth="1"/>
    <col min="11010" max="11010" width="15.625" style="73" customWidth="1"/>
    <col min="11011" max="11017" width="25.625" style="73" customWidth="1"/>
    <col min="11018" max="11258" width="8.875" style="73"/>
    <col min="11259" max="11265" width="3.5" style="73" customWidth="1"/>
    <col min="11266" max="11266" width="15.625" style="73" customWidth="1"/>
    <col min="11267" max="11273" width="25.625" style="73" customWidth="1"/>
    <col min="11274" max="11514" width="8.875" style="73"/>
    <col min="11515" max="11521" width="3.5" style="73" customWidth="1"/>
    <col min="11522" max="11522" width="15.625" style="73" customWidth="1"/>
    <col min="11523" max="11529" width="25.625" style="73" customWidth="1"/>
    <col min="11530" max="11770" width="8.875" style="73"/>
    <col min="11771" max="11777" width="3.5" style="73" customWidth="1"/>
    <col min="11778" max="11778" width="15.625" style="73" customWidth="1"/>
    <col min="11779" max="11785" width="25.625" style="73" customWidth="1"/>
    <col min="11786" max="12026" width="8.875" style="73"/>
    <col min="12027" max="12033" width="3.5" style="73" customWidth="1"/>
    <col min="12034" max="12034" width="15.625" style="73" customWidth="1"/>
    <col min="12035" max="12041" width="25.625" style="73" customWidth="1"/>
    <col min="12042" max="12282" width="8.875" style="73"/>
    <col min="12283" max="12289" width="3.5" style="73" customWidth="1"/>
    <col min="12290" max="12290" width="15.625" style="73" customWidth="1"/>
    <col min="12291" max="12297" width="25.625" style="73" customWidth="1"/>
    <col min="12298" max="12538" width="8.875" style="73"/>
    <col min="12539" max="12545" width="3.5" style="73" customWidth="1"/>
    <col min="12546" max="12546" width="15.625" style="73" customWidth="1"/>
    <col min="12547" max="12553" width="25.625" style="73" customWidth="1"/>
    <col min="12554" max="12794" width="8.875" style="73"/>
    <col min="12795" max="12801" width="3.5" style="73" customWidth="1"/>
    <col min="12802" max="12802" width="15.625" style="73" customWidth="1"/>
    <col min="12803" max="12809" width="25.625" style="73" customWidth="1"/>
    <col min="12810" max="13050" width="8.875" style="73"/>
    <col min="13051" max="13057" width="3.5" style="73" customWidth="1"/>
    <col min="13058" max="13058" width="15.625" style="73" customWidth="1"/>
    <col min="13059" max="13065" width="25.625" style="73" customWidth="1"/>
    <col min="13066" max="13306" width="8.875" style="73"/>
    <col min="13307" max="13313" width="3.5" style="73" customWidth="1"/>
    <col min="13314" max="13314" width="15.625" style="73" customWidth="1"/>
    <col min="13315" max="13321" width="25.625" style="73" customWidth="1"/>
    <col min="13322" max="13562" width="8.875" style="73"/>
    <col min="13563" max="13569" width="3.5" style="73" customWidth="1"/>
    <col min="13570" max="13570" width="15.625" style="73" customWidth="1"/>
    <col min="13571" max="13577" width="25.625" style="73" customWidth="1"/>
    <col min="13578" max="13818" width="8.875" style="73"/>
    <col min="13819" max="13825" width="3.5" style="73" customWidth="1"/>
    <col min="13826" max="13826" width="15.625" style="73" customWidth="1"/>
    <col min="13827" max="13833" width="25.625" style="73" customWidth="1"/>
    <col min="13834" max="14074" width="8.875" style="73"/>
    <col min="14075" max="14081" width="3.5" style="73" customWidth="1"/>
    <col min="14082" max="14082" width="15.625" style="73" customWidth="1"/>
    <col min="14083" max="14089" width="25.625" style="73" customWidth="1"/>
    <col min="14090" max="14330" width="8.875" style="73"/>
    <col min="14331" max="14337" width="3.5" style="73" customWidth="1"/>
    <col min="14338" max="14338" width="15.625" style="73" customWidth="1"/>
    <col min="14339" max="14345" width="25.625" style="73" customWidth="1"/>
    <col min="14346" max="14586" width="8.875" style="73"/>
    <col min="14587" max="14593" width="3.5" style="73" customWidth="1"/>
    <col min="14594" max="14594" width="15.625" style="73" customWidth="1"/>
    <col min="14595" max="14601" width="25.625" style="73" customWidth="1"/>
    <col min="14602" max="14842" width="8.875" style="73"/>
    <col min="14843" max="14849" width="3.5" style="73" customWidth="1"/>
    <col min="14850" max="14850" width="15.625" style="73" customWidth="1"/>
    <col min="14851" max="14857" width="25.625" style="73" customWidth="1"/>
    <col min="14858" max="15098" width="8.875" style="73"/>
    <col min="15099" max="15105" width="3.5" style="73" customWidth="1"/>
    <col min="15106" max="15106" width="15.625" style="73" customWidth="1"/>
    <col min="15107" max="15113" width="25.625" style="73" customWidth="1"/>
    <col min="15114" max="15354" width="8.875" style="73"/>
    <col min="15355" max="15361" width="3.5" style="73" customWidth="1"/>
    <col min="15362" max="15362" width="15.625" style="73" customWidth="1"/>
    <col min="15363" max="15369" width="25.625" style="73" customWidth="1"/>
    <col min="15370" max="15610" width="8.875" style="73"/>
    <col min="15611" max="15617" width="3.5" style="73" customWidth="1"/>
    <col min="15618" max="15618" width="15.625" style="73" customWidth="1"/>
    <col min="15619" max="15625" width="25.625" style="73" customWidth="1"/>
    <col min="15626" max="15866" width="8.875" style="73"/>
    <col min="15867" max="15873" width="3.5" style="73" customWidth="1"/>
    <col min="15874" max="15874" width="15.625" style="73" customWidth="1"/>
    <col min="15875" max="15881" width="25.625" style="73" customWidth="1"/>
    <col min="15882" max="16122" width="8.875" style="73"/>
    <col min="16123" max="16129" width="3.5" style="73" customWidth="1"/>
    <col min="16130" max="16130" width="15.625" style="73" customWidth="1"/>
    <col min="16131" max="16137" width="25.625" style="73" customWidth="1"/>
    <col min="16138" max="16384" width="8.875" style="73"/>
  </cols>
  <sheetData>
    <row r="1" spans="1:18" s="102" customFormat="1" ht="22.5" customHeight="1" x14ac:dyDescent="0.15">
      <c r="A1" s="160" t="s">
        <v>397</v>
      </c>
      <c r="B1" s="160"/>
      <c r="C1" s="160"/>
      <c r="D1" s="160"/>
      <c r="E1" s="160"/>
      <c r="F1" s="160"/>
      <c r="G1" s="160"/>
      <c r="H1" s="160"/>
      <c r="I1" s="160"/>
      <c r="J1" s="160"/>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283</v>
      </c>
      <c r="B5" s="304"/>
      <c r="C5" s="304"/>
      <c r="D5" s="304"/>
      <c r="E5" s="304"/>
      <c r="F5" s="304"/>
      <c r="G5" s="304"/>
      <c r="H5" s="304"/>
      <c r="I5" s="305" t="s">
        <v>404</v>
      </c>
      <c r="J5" s="305"/>
      <c r="K5" s="305"/>
      <c r="L5" s="305"/>
      <c r="M5" s="305"/>
      <c r="N5" s="159"/>
      <c r="O5" s="159"/>
      <c r="P5" s="159"/>
      <c r="Q5" s="159"/>
      <c r="R5" s="159"/>
    </row>
    <row r="6" spans="1:18" s="148" customFormat="1" ht="21.95" customHeight="1" x14ac:dyDescent="0.15">
      <c r="A6" s="232"/>
      <c r="B6" s="232"/>
      <c r="C6" s="232"/>
      <c r="D6" s="232"/>
      <c r="E6" s="232"/>
      <c r="F6" s="232"/>
      <c r="G6" s="232"/>
      <c r="H6" s="232"/>
      <c r="I6" s="233"/>
      <c r="J6" s="233"/>
      <c r="K6" s="233"/>
      <c r="L6" s="233"/>
      <c r="M6" s="233"/>
      <c r="N6" s="159"/>
      <c r="O6" s="159"/>
      <c r="P6" s="159"/>
      <c r="Q6" s="159"/>
      <c r="R6" s="159"/>
    </row>
    <row r="7" spans="1:18" x14ac:dyDescent="0.15">
      <c r="L7" s="94" t="s">
        <v>219</v>
      </c>
    </row>
    <row r="8" spans="1:18" ht="21.75" customHeight="1" x14ac:dyDescent="0.15">
      <c r="B8" s="309" t="s">
        <v>262</v>
      </c>
      <c r="C8" s="310"/>
      <c r="D8" s="310"/>
      <c r="E8" s="310"/>
      <c r="F8" s="310"/>
      <c r="G8" s="310"/>
      <c r="H8" s="311"/>
      <c r="I8" s="334" t="s">
        <v>263</v>
      </c>
      <c r="J8" s="335"/>
      <c r="K8" s="306" t="s">
        <v>264</v>
      </c>
      <c r="L8" s="308"/>
    </row>
    <row r="9" spans="1:18" ht="21.95" customHeight="1" x14ac:dyDescent="0.15">
      <c r="B9" s="312"/>
      <c r="C9" s="313"/>
      <c r="D9" s="313"/>
      <c r="E9" s="313"/>
      <c r="F9" s="313"/>
      <c r="G9" s="313"/>
      <c r="H9" s="314"/>
      <c r="I9" s="109" t="s">
        <v>237</v>
      </c>
      <c r="J9" s="109" t="s">
        <v>266</v>
      </c>
      <c r="K9" s="109" t="s">
        <v>237</v>
      </c>
      <c r="L9" s="109" t="s">
        <v>266</v>
      </c>
    </row>
    <row r="10" spans="1:18" ht="21.75" customHeight="1" x14ac:dyDescent="0.15">
      <c r="B10" s="319" t="s">
        <v>487</v>
      </c>
      <c r="C10" s="320"/>
      <c r="D10" s="320"/>
      <c r="E10" s="320"/>
      <c r="F10" s="320"/>
      <c r="G10" s="320"/>
      <c r="H10" s="321"/>
      <c r="I10" s="145">
        <v>695379012</v>
      </c>
      <c r="J10" s="145">
        <v>0</v>
      </c>
      <c r="K10" s="145">
        <v>38632167</v>
      </c>
      <c r="L10" s="145">
        <v>0</v>
      </c>
    </row>
    <row r="11" spans="1:18" ht="21.95" customHeight="1" x14ac:dyDescent="0.15">
      <c r="B11" s="319" t="s">
        <v>488</v>
      </c>
      <c r="C11" s="320"/>
      <c r="D11" s="320"/>
      <c r="E11" s="320"/>
      <c r="F11" s="320"/>
      <c r="G11" s="320"/>
      <c r="H11" s="321"/>
      <c r="I11" s="145">
        <v>15620500000</v>
      </c>
      <c r="J11" s="145">
        <v>-15620500000</v>
      </c>
      <c r="K11" s="145">
        <v>0</v>
      </c>
      <c r="L11" s="145">
        <v>0</v>
      </c>
      <c r="O11" s="136"/>
    </row>
    <row r="12" spans="1:18" ht="20.25" customHeight="1" x14ac:dyDescent="0.15">
      <c r="B12" s="319" t="s">
        <v>489</v>
      </c>
      <c r="C12" s="320"/>
      <c r="D12" s="320"/>
      <c r="E12" s="320"/>
      <c r="F12" s="320"/>
      <c r="G12" s="320"/>
      <c r="H12" s="321"/>
      <c r="I12" s="145">
        <v>3515240000</v>
      </c>
      <c r="J12" s="145">
        <v>0</v>
      </c>
      <c r="K12" s="145">
        <v>799700000</v>
      </c>
      <c r="L12" s="145">
        <v>0</v>
      </c>
      <c r="O12" s="136"/>
    </row>
    <row r="13" spans="1:18" ht="21.95" customHeight="1" x14ac:dyDescent="0.15">
      <c r="B13" s="319" t="s">
        <v>490</v>
      </c>
      <c r="C13" s="320"/>
      <c r="D13" s="320"/>
      <c r="E13" s="320"/>
      <c r="F13" s="320"/>
      <c r="G13" s="320"/>
      <c r="H13" s="321"/>
      <c r="I13" s="93">
        <v>5697850</v>
      </c>
      <c r="J13" s="93">
        <v>0</v>
      </c>
      <c r="K13" s="93">
        <v>4573480</v>
      </c>
      <c r="L13" s="93">
        <v>0</v>
      </c>
      <c r="O13" s="136"/>
    </row>
    <row r="14" spans="1:18" ht="21.95" customHeight="1" x14ac:dyDescent="0.15">
      <c r="B14" s="322" t="s">
        <v>491</v>
      </c>
      <c r="C14" s="323"/>
      <c r="D14" s="323"/>
      <c r="E14" s="323"/>
      <c r="F14" s="323"/>
      <c r="G14" s="323"/>
      <c r="H14" s="324"/>
      <c r="I14" s="93">
        <v>17191694523</v>
      </c>
      <c r="J14" s="93">
        <v>0</v>
      </c>
      <c r="K14" s="93">
        <v>829699993</v>
      </c>
      <c r="L14" s="93">
        <v>0</v>
      </c>
      <c r="O14" s="136"/>
    </row>
    <row r="15" spans="1:18" ht="21.95" customHeight="1" x14ac:dyDescent="0.15">
      <c r="B15" s="322" t="s">
        <v>492</v>
      </c>
      <c r="C15" s="323"/>
      <c r="D15" s="323"/>
      <c r="E15" s="323"/>
      <c r="F15" s="323"/>
      <c r="G15" s="323"/>
      <c r="H15" s="324"/>
      <c r="I15" s="93">
        <v>20945985959</v>
      </c>
      <c r="J15" s="93">
        <v>0</v>
      </c>
      <c r="K15" s="93">
        <v>0</v>
      </c>
      <c r="L15" s="93">
        <v>0</v>
      </c>
      <c r="O15" s="136"/>
    </row>
    <row r="16" spans="1:18" ht="21.75" customHeight="1" x14ac:dyDescent="0.15">
      <c r="B16" s="322" t="s">
        <v>493</v>
      </c>
      <c r="C16" s="323"/>
      <c r="D16" s="323"/>
      <c r="E16" s="323"/>
      <c r="F16" s="323"/>
      <c r="G16" s="323"/>
      <c r="H16" s="324"/>
      <c r="I16" s="93">
        <v>193690000</v>
      </c>
      <c r="J16" s="93">
        <v>0</v>
      </c>
      <c r="K16" s="93">
        <v>0</v>
      </c>
      <c r="L16" s="93">
        <v>0</v>
      </c>
      <c r="O16" s="136"/>
    </row>
    <row r="17" spans="2:15" ht="21.95" customHeight="1" x14ac:dyDescent="0.15">
      <c r="B17" s="322" t="s">
        <v>494</v>
      </c>
      <c r="C17" s="323"/>
      <c r="D17" s="323"/>
      <c r="E17" s="323"/>
      <c r="F17" s="323"/>
      <c r="G17" s="323"/>
      <c r="H17" s="324"/>
      <c r="I17" s="93">
        <v>0</v>
      </c>
      <c r="J17" s="93">
        <v>0</v>
      </c>
      <c r="K17" s="93">
        <v>1622000</v>
      </c>
      <c r="L17" s="93">
        <v>-1520690</v>
      </c>
      <c r="O17" s="136"/>
    </row>
    <row r="18" spans="2:15" ht="21.95" customHeight="1" x14ac:dyDescent="0.15">
      <c r="B18" s="322" t="s">
        <v>495</v>
      </c>
      <c r="C18" s="323"/>
      <c r="D18" s="323"/>
      <c r="E18" s="323"/>
      <c r="F18" s="323"/>
      <c r="G18" s="323"/>
      <c r="H18" s="324"/>
      <c r="I18" s="93">
        <v>357067691</v>
      </c>
      <c r="J18" s="93">
        <v>-42437261</v>
      </c>
      <c r="K18" s="93">
        <v>0</v>
      </c>
      <c r="L18" s="93">
        <v>0</v>
      </c>
      <c r="O18" s="136"/>
    </row>
    <row r="19" spans="2:15" ht="21.95" customHeight="1" x14ac:dyDescent="0.15">
      <c r="B19" s="322" t="s">
        <v>496</v>
      </c>
      <c r="C19" s="323"/>
      <c r="D19" s="323"/>
      <c r="E19" s="323"/>
      <c r="F19" s="323"/>
      <c r="G19" s="323"/>
      <c r="H19" s="324"/>
      <c r="I19" s="93">
        <v>56000000</v>
      </c>
      <c r="J19" s="93">
        <v>0</v>
      </c>
      <c r="K19" s="93">
        <v>0</v>
      </c>
      <c r="L19" s="93">
        <v>0</v>
      </c>
      <c r="O19" s="136"/>
    </row>
    <row r="20" spans="2:15" ht="21.95" customHeight="1" x14ac:dyDescent="0.15">
      <c r="B20" s="332" t="s">
        <v>497</v>
      </c>
      <c r="C20" s="331"/>
      <c r="D20" s="331"/>
      <c r="E20" s="331"/>
      <c r="F20" s="331"/>
      <c r="G20" s="331"/>
      <c r="H20" s="333"/>
      <c r="I20" s="93">
        <v>23500000</v>
      </c>
      <c r="J20" s="93">
        <v>0</v>
      </c>
      <c r="K20" s="93">
        <v>0</v>
      </c>
      <c r="L20" s="93">
        <v>0</v>
      </c>
      <c r="O20" s="136"/>
    </row>
    <row r="21" spans="2:15" ht="21.95" customHeight="1" x14ac:dyDescent="0.15">
      <c r="B21" s="322" t="s">
        <v>498</v>
      </c>
      <c r="C21" s="323"/>
      <c r="D21" s="323"/>
      <c r="E21" s="323"/>
      <c r="F21" s="323"/>
      <c r="G21" s="323"/>
      <c r="H21" s="324"/>
      <c r="I21" s="93">
        <v>602241754</v>
      </c>
      <c r="J21" s="93">
        <v>-422185728</v>
      </c>
      <c r="K21" s="93">
        <v>9461530</v>
      </c>
      <c r="L21" s="93">
        <v>-6623071</v>
      </c>
      <c r="O21" s="136"/>
    </row>
    <row r="22" spans="2:15" ht="21.95" customHeight="1" x14ac:dyDescent="0.15">
      <c r="B22" s="322" t="s">
        <v>499</v>
      </c>
      <c r="C22" s="323"/>
      <c r="D22" s="323"/>
      <c r="E22" s="323"/>
      <c r="F22" s="323"/>
      <c r="G22" s="323"/>
      <c r="H22" s="324"/>
      <c r="I22" s="93">
        <v>10000000</v>
      </c>
      <c r="J22" s="93">
        <v>0</v>
      </c>
      <c r="K22" s="93">
        <v>0</v>
      </c>
      <c r="L22" s="93">
        <v>0</v>
      </c>
      <c r="O22" s="136"/>
    </row>
    <row r="23" spans="2:15" ht="21.95" customHeight="1" x14ac:dyDescent="0.15">
      <c r="B23" s="322" t="s">
        <v>500</v>
      </c>
      <c r="C23" s="323"/>
      <c r="D23" s="323"/>
      <c r="E23" s="323"/>
      <c r="F23" s="323"/>
      <c r="G23" s="323"/>
      <c r="H23" s="324"/>
      <c r="I23" s="93">
        <v>86300000</v>
      </c>
      <c r="J23" s="93">
        <v>0</v>
      </c>
      <c r="K23" s="93">
        <v>8025000</v>
      </c>
      <c r="L23" s="140">
        <v>0</v>
      </c>
      <c r="O23" s="136"/>
    </row>
    <row r="24" spans="2:15" ht="21.95" customHeight="1" x14ac:dyDescent="0.15">
      <c r="B24" s="322" t="s">
        <v>501</v>
      </c>
      <c r="C24" s="323"/>
      <c r="D24" s="323"/>
      <c r="E24" s="323"/>
      <c r="F24" s="323"/>
      <c r="G24" s="323"/>
      <c r="H24" s="324"/>
      <c r="I24" s="93">
        <v>1354500000</v>
      </c>
      <c r="J24" s="93">
        <v>0</v>
      </c>
      <c r="K24" s="93">
        <v>0</v>
      </c>
      <c r="L24" s="140">
        <v>0</v>
      </c>
      <c r="O24" s="136"/>
    </row>
    <row r="25" spans="2:15" ht="21.95" customHeight="1" x14ac:dyDescent="0.15">
      <c r="B25" s="322" t="s">
        <v>502</v>
      </c>
      <c r="C25" s="323"/>
      <c r="D25" s="323"/>
      <c r="E25" s="323"/>
      <c r="F25" s="323"/>
      <c r="G25" s="323"/>
      <c r="H25" s="324"/>
      <c r="I25" s="93">
        <v>2950000</v>
      </c>
      <c r="J25" s="93">
        <v>-1475000</v>
      </c>
      <c r="K25" s="93">
        <v>0</v>
      </c>
      <c r="L25" s="140">
        <v>0</v>
      </c>
      <c r="O25" s="136"/>
    </row>
    <row r="26" spans="2:15" ht="21.95" customHeight="1" x14ac:dyDescent="0.15">
      <c r="B26" s="322" t="s">
        <v>503</v>
      </c>
      <c r="C26" s="323"/>
      <c r="D26" s="323"/>
      <c r="E26" s="323"/>
      <c r="F26" s="323"/>
      <c r="G26" s="323"/>
      <c r="H26" s="324"/>
      <c r="I26" s="93">
        <v>15932000000</v>
      </c>
      <c r="J26" s="93">
        <v>0</v>
      </c>
      <c r="K26" s="93">
        <v>130000000</v>
      </c>
      <c r="L26" s="140">
        <v>0</v>
      </c>
      <c r="O26" s="136"/>
    </row>
    <row r="27" spans="2:15" ht="21.95" customHeight="1" x14ac:dyDescent="0.15">
      <c r="B27" s="319" t="s">
        <v>504</v>
      </c>
      <c r="C27" s="320"/>
      <c r="D27" s="320"/>
      <c r="E27" s="320"/>
      <c r="F27" s="320"/>
      <c r="G27" s="320"/>
      <c r="H27" s="321"/>
      <c r="I27" s="93">
        <v>8593368788</v>
      </c>
      <c r="J27" s="140">
        <v>0</v>
      </c>
      <c r="K27" s="93">
        <v>204931499</v>
      </c>
      <c r="L27" s="140">
        <v>0</v>
      </c>
      <c r="O27" s="136"/>
    </row>
    <row r="28" spans="2:15" ht="21.95" customHeight="1" x14ac:dyDescent="0.15">
      <c r="B28" s="319" t="s">
        <v>505</v>
      </c>
      <c r="C28" s="320"/>
      <c r="D28" s="320"/>
      <c r="E28" s="320"/>
      <c r="F28" s="320"/>
      <c r="G28" s="320"/>
      <c r="H28" s="321"/>
      <c r="I28" s="93">
        <v>1037656205</v>
      </c>
      <c r="J28" s="140">
        <v>0</v>
      </c>
      <c r="K28" s="93">
        <v>21418306</v>
      </c>
      <c r="L28" s="140">
        <v>0</v>
      </c>
      <c r="O28" s="136"/>
    </row>
    <row r="29" spans="2:15" ht="21.75" customHeight="1" x14ac:dyDescent="0.15">
      <c r="B29" s="319" t="s">
        <v>506</v>
      </c>
      <c r="C29" s="320"/>
      <c r="D29" s="320"/>
      <c r="E29" s="320"/>
      <c r="F29" s="320"/>
      <c r="G29" s="320"/>
      <c r="H29" s="321"/>
      <c r="I29" s="93">
        <v>3386945748</v>
      </c>
      <c r="J29" s="140">
        <v>0</v>
      </c>
      <c r="K29" s="93">
        <v>89663279</v>
      </c>
      <c r="L29" s="140">
        <v>0</v>
      </c>
      <c r="O29" s="136"/>
    </row>
    <row r="30" spans="2:15" ht="21.95" customHeight="1" x14ac:dyDescent="0.15">
      <c r="B30" s="319" t="s">
        <v>507</v>
      </c>
      <c r="C30" s="320"/>
      <c r="D30" s="320"/>
      <c r="E30" s="320"/>
      <c r="F30" s="320"/>
      <c r="G30" s="320"/>
      <c r="H30" s="321"/>
      <c r="I30" s="93">
        <v>16942070000</v>
      </c>
      <c r="J30" s="140">
        <v>0</v>
      </c>
      <c r="K30" s="93">
        <v>0</v>
      </c>
      <c r="L30" s="140">
        <v>0</v>
      </c>
      <c r="O30" s="136"/>
    </row>
    <row r="31" spans="2:15" ht="21.75" customHeight="1" x14ac:dyDescent="0.15">
      <c r="B31" s="319" t="s">
        <v>508</v>
      </c>
      <c r="C31" s="320"/>
      <c r="D31" s="320"/>
      <c r="E31" s="320"/>
      <c r="F31" s="320"/>
      <c r="G31" s="320"/>
      <c r="H31" s="321"/>
      <c r="I31" s="93">
        <v>0</v>
      </c>
      <c r="J31" s="140">
        <v>0</v>
      </c>
      <c r="K31" s="93">
        <v>56377600</v>
      </c>
      <c r="L31" s="140">
        <v>0</v>
      </c>
      <c r="O31" s="136"/>
    </row>
    <row r="32" spans="2:15" ht="21.95" customHeight="1" x14ac:dyDescent="0.15">
      <c r="B32" s="319" t="s">
        <v>509</v>
      </c>
      <c r="C32" s="325"/>
      <c r="D32" s="325"/>
      <c r="E32" s="325"/>
      <c r="F32" s="325"/>
      <c r="G32" s="320"/>
      <c r="H32" s="321"/>
      <c r="I32" s="93">
        <v>79131000</v>
      </c>
      <c r="J32" s="140">
        <v>0</v>
      </c>
      <c r="K32" s="93">
        <v>19066000</v>
      </c>
      <c r="L32" s="140">
        <v>0</v>
      </c>
      <c r="O32" s="136"/>
    </row>
    <row r="33" spans="2:15" ht="46.5" customHeight="1" x14ac:dyDescent="0.15">
      <c r="B33" s="322" t="s">
        <v>510</v>
      </c>
      <c r="C33" s="331"/>
      <c r="D33" s="331"/>
      <c r="E33" s="331"/>
      <c r="F33" s="331"/>
      <c r="G33" s="323"/>
      <c r="H33" s="324"/>
      <c r="I33" s="93">
        <v>2969739000</v>
      </c>
      <c r="J33" s="93">
        <v>-1484869500</v>
      </c>
      <c r="K33" s="93">
        <v>164986000</v>
      </c>
      <c r="L33" s="93">
        <v>-82493000</v>
      </c>
      <c r="O33" s="136"/>
    </row>
    <row r="34" spans="2:15" ht="21.95" customHeight="1" x14ac:dyDescent="0.15">
      <c r="B34" s="322" t="s">
        <v>511</v>
      </c>
      <c r="C34" s="331"/>
      <c r="D34" s="331"/>
      <c r="E34" s="331"/>
      <c r="F34" s="331"/>
      <c r="G34" s="323"/>
      <c r="H34" s="324"/>
      <c r="I34" s="93">
        <v>5929775000</v>
      </c>
      <c r="J34" s="93">
        <v>-5929775000</v>
      </c>
      <c r="K34" s="93">
        <v>0</v>
      </c>
      <c r="L34" s="93">
        <v>0</v>
      </c>
      <c r="O34" s="136"/>
    </row>
    <row r="35" spans="2:15" ht="21.95" customHeight="1" x14ac:dyDescent="0.15">
      <c r="B35" s="319" t="s">
        <v>512</v>
      </c>
      <c r="C35" s="325"/>
      <c r="D35" s="325"/>
      <c r="E35" s="325"/>
      <c r="F35" s="325"/>
      <c r="G35" s="320"/>
      <c r="H35" s="321"/>
      <c r="I35" s="93">
        <v>1198604000</v>
      </c>
      <c r="J35" s="93">
        <v>-1198604000</v>
      </c>
      <c r="K35" s="93">
        <v>0</v>
      </c>
      <c r="L35" s="93">
        <v>0</v>
      </c>
      <c r="O35" s="136"/>
    </row>
    <row r="36" spans="2:15" ht="46.5" customHeight="1" x14ac:dyDescent="0.15">
      <c r="B36" s="322" t="s">
        <v>513</v>
      </c>
      <c r="C36" s="323"/>
      <c r="D36" s="323"/>
      <c r="E36" s="323"/>
      <c r="F36" s="323"/>
      <c r="G36" s="323"/>
      <c r="H36" s="324"/>
      <c r="I36" s="93">
        <v>4262756000</v>
      </c>
      <c r="J36" s="93">
        <v>-4262756000</v>
      </c>
      <c r="K36" s="93">
        <v>579308000</v>
      </c>
      <c r="L36" s="93">
        <v>-579308000</v>
      </c>
      <c r="O36" s="136"/>
    </row>
    <row r="37" spans="2:15" ht="21.95" customHeight="1" x14ac:dyDescent="0.15">
      <c r="B37" s="326" t="s">
        <v>514</v>
      </c>
      <c r="C37" s="327"/>
      <c r="D37" s="327"/>
      <c r="E37" s="327"/>
      <c r="F37" s="327"/>
      <c r="G37" s="327"/>
      <c r="H37" s="328"/>
      <c r="I37" s="93">
        <v>10190356344</v>
      </c>
      <c r="J37" s="93">
        <v>0</v>
      </c>
      <c r="K37" s="93">
        <v>711678234</v>
      </c>
      <c r="L37" s="93">
        <v>0</v>
      </c>
      <c r="O37" s="136"/>
    </row>
    <row r="38" spans="2:15" ht="21.95" customHeight="1" x14ac:dyDescent="0.15">
      <c r="B38" s="329" t="s">
        <v>515</v>
      </c>
      <c r="C38" s="325"/>
      <c r="D38" s="325"/>
      <c r="E38" s="325"/>
      <c r="F38" s="325"/>
      <c r="G38" s="325"/>
      <c r="H38" s="330"/>
      <c r="I38" s="93">
        <v>884715564</v>
      </c>
      <c r="J38" s="140">
        <v>0</v>
      </c>
      <c r="K38" s="93">
        <v>21441792</v>
      </c>
      <c r="L38" s="140">
        <v>0</v>
      </c>
      <c r="O38" s="136"/>
    </row>
    <row r="39" spans="2:15" ht="21.95" customHeight="1" x14ac:dyDescent="0.15">
      <c r="B39" s="329" t="s">
        <v>516</v>
      </c>
      <c r="C39" s="325"/>
      <c r="D39" s="325"/>
      <c r="E39" s="325"/>
      <c r="F39" s="325"/>
      <c r="G39" s="325"/>
      <c r="H39" s="330"/>
      <c r="I39" s="93">
        <v>4938867007</v>
      </c>
      <c r="J39" s="140">
        <v>0</v>
      </c>
      <c r="K39" s="93">
        <v>562148763</v>
      </c>
      <c r="L39" s="140">
        <v>0</v>
      </c>
      <c r="O39" s="136"/>
    </row>
    <row r="40" spans="2:15" ht="21.95" customHeight="1" x14ac:dyDescent="0.15">
      <c r="B40" s="319" t="s">
        <v>517</v>
      </c>
      <c r="C40" s="320"/>
      <c r="D40" s="320"/>
      <c r="E40" s="320"/>
      <c r="F40" s="320"/>
      <c r="G40" s="320"/>
      <c r="H40" s="321"/>
      <c r="I40" s="93">
        <v>667805422</v>
      </c>
      <c r="J40" s="93">
        <v>-591567621</v>
      </c>
      <c r="K40" s="93">
        <v>7769873</v>
      </c>
      <c r="L40" s="93">
        <v>-6889546</v>
      </c>
      <c r="O40" s="136"/>
    </row>
    <row r="41" spans="2:15" ht="21.75" customHeight="1" x14ac:dyDescent="0.15">
      <c r="B41" s="319" t="s">
        <v>518</v>
      </c>
      <c r="C41" s="320"/>
      <c r="D41" s="320"/>
      <c r="E41" s="320"/>
      <c r="F41" s="320"/>
      <c r="G41" s="320"/>
      <c r="H41" s="321"/>
      <c r="I41" s="146">
        <v>13294619598</v>
      </c>
      <c r="J41" s="146">
        <v>0</v>
      </c>
      <c r="K41" s="146">
        <v>1738800</v>
      </c>
      <c r="L41" s="146">
        <v>0</v>
      </c>
      <c r="O41" s="136"/>
    </row>
    <row r="42" spans="2:15" ht="21.95" customHeight="1" x14ac:dyDescent="0.15">
      <c r="B42" s="306" t="s">
        <v>232</v>
      </c>
      <c r="C42" s="307"/>
      <c r="D42" s="307"/>
      <c r="E42" s="307"/>
      <c r="F42" s="307"/>
      <c r="G42" s="307"/>
      <c r="H42" s="308"/>
      <c r="I42" s="93">
        <f>SUM(I10:I41)</f>
        <v>150969156465</v>
      </c>
      <c r="J42" s="93">
        <f>SUM(J10:J41)</f>
        <v>-29554170110</v>
      </c>
      <c r="K42" s="93">
        <f>SUM(K10:K41)</f>
        <v>4262242316</v>
      </c>
      <c r="L42" s="93">
        <f>SUM(L10:L41)</f>
        <v>-676834307</v>
      </c>
    </row>
    <row r="43" spans="2:15" ht="12" customHeight="1" x14ac:dyDescent="0.15"/>
    <row r="45" spans="2:15" x14ac:dyDescent="0.15">
      <c r="I45" s="105"/>
      <c r="J45" s="105"/>
      <c r="K45" s="105"/>
      <c r="L45" s="105"/>
    </row>
  </sheetData>
  <mergeCells count="38">
    <mergeCell ref="B20:H20"/>
    <mergeCell ref="B21:H21"/>
    <mergeCell ref="B22:H22"/>
    <mergeCell ref="B8:H9"/>
    <mergeCell ref="I8:J8"/>
    <mergeCell ref="B15:H15"/>
    <mergeCell ref="B16:H16"/>
    <mergeCell ref="B17:H17"/>
    <mergeCell ref="B18:H18"/>
    <mergeCell ref="B19:H19"/>
    <mergeCell ref="B11:H11"/>
    <mergeCell ref="B42:H42"/>
    <mergeCell ref="B40:H40"/>
    <mergeCell ref="B32:H32"/>
    <mergeCell ref="B35:H35"/>
    <mergeCell ref="B36:H36"/>
    <mergeCell ref="B37:H37"/>
    <mergeCell ref="B38:H38"/>
    <mergeCell ref="B41:H41"/>
    <mergeCell ref="B39:H39"/>
    <mergeCell ref="B33:H33"/>
    <mergeCell ref="B34:H34"/>
    <mergeCell ref="A5:H5"/>
    <mergeCell ref="I5:M5"/>
    <mergeCell ref="K8:L8"/>
    <mergeCell ref="B10:H10"/>
    <mergeCell ref="B31:H31"/>
    <mergeCell ref="B23:H23"/>
    <mergeCell ref="B12:H12"/>
    <mergeCell ref="B13:H13"/>
    <mergeCell ref="B14:H14"/>
    <mergeCell ref="B24:H24"/>
    <mergeCell ref="B25:H25"/>
    <mergeCell ref="B26:H26"/>
    <mergeCell ref="B28:H28"/>
    <mergeCell ref="B30:H30"/>
    <mergeCell ref="B27:H27"/>
    <mergeCell ref="B29:H29"/>
  </mergeCells>
  <phoneticPr fontId="24"/>
  <printOptions horizontalCentered="1"/>
  <pageMargins left="0.19685039370078741" right="0.19685039370078741" top="0.31496062992125984" bottom="0.19685039370078741" header="0.11811023622047245" footer="0.11811023622047245"/>
  <pageSetup paperSize="9" scale="58" firstPageNumber="16" fitToWidth="2" fitToHeight="0" orientation="portrait" useFirstPageNumber="1" r:id="rId1"/>
  <headerFooter alignWithMargins="0">
    <oddFooter>&amp;C&amp;"ＭＳ Ｐ明朝,標準"&amp;20&amp;P</oddFooter>
  </headerFooter>
  <colBreaks count="2" manualBreakCount="2">
    <brk id="8" max="48" man="1"/>
    <brk id="13" min="6" max="36"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397</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404</v>
      </c>
      <c r="L5" s="305"/>
      <c r="M5" s="305"/>
      <c r="N5" s="305"/>
      <c r="O5" s="305"/>
      <c r="P5" s="159"/>
      <c r="Q5" s="159"/>
      <c r="R5" s="159"/>
    </row>
    <row r="6" spans="1:18" s="148" customFormat="1" ht="21.95" customHeight="1" x14ac:dyDescent="0.15">
      <c r="A6" s="232"/>
      <c r="B6" s="232"/>
      <c r="C6" s="232"/>
      <c r="D6" s="232"/>
      <c r="E6" s="232"/>
      <c r="F6" s="232"/>
      <c r="G6" s="232"/>
      <c r="H6" s="232"/>
      <c r="I6" s="232"/>
      <c r="J6" s="232"/>
      <c r="K6" s="233"/>
      <c r="L6" s="233"/>
      <c r="M6" s="233"/>
      <c r="N6" s="233"/>
      <c r="O6" s="233"/>
      <c r="P6" s="159"/>
      <c r="Q6" s="159"/>
      <c r="R6" s="159"/>
    </row>
    <row r="7" spans="1:18" x14ac:dyDescent="0.15">
      <c r="B7" s="339"/>
      <c r="C7" s="339"/>
      <c r="D7" s="339"/>
      <c r="F7" s="99"/>
      <c r="N7" s="90" t="s">
        <v>267</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11408334209</v>
      </c>
      <c r="J10" s="93">
        <v>3190085723</v>
      </c>
      <c r="K10" s="93">
        <v>2733577686</v>
      </c>
      <c r="L10" s="93">
        <v>113944151</v>
      </c>
      <c r="M10" s="93">
        <v>2847521837</v>
      </c>
      <c r="N10" s="91">
        <v>11750898095</v>
      </c>
    </row>
    <row r="11" spans="1:18" ht="22.5" customHeight="1" x14ac:dyDescent="0.15">
      <c r="B11" s="336" t="s">
        <v>271</v>
      </c>
      <c r="C11" s="336"/>
      <c r="D11" s="336"/>
      <c r="E11" s="336"/>
      <c r="F11" s="336"/>
      <c r="G11" s="336"/>
      <c r="H11" s="336"/>
      <c r="I11" s="91">
        <v>0</v>
      </c>
      <c r="J11" s="93">
        <v>0</v>
      </c>
      <c r="K11" s="93">
        <v>0</v>
      </c>
      <c r="L11" s="93">
        <v>0</v>
      </c>
      <c r="M11" s="93">
        <v>0</v>
      </c>
      <c r="N11" s="91">
        <v>0</v>
      </c>
    </row>
    <row r="12" spans="1:18" ht="22.5" customHeight="1" x14ac:dyDescent="0.15">
      <c r="B12" s="336" t="s">
        <v>272</v>
      </c>
      <c r="C12" s="336"/>
      <c r="D12" s="336"/>
      <c r="E12" s="336"/>
      <c r="F12" s="336"/>
      <c r="G12" s="336"/>
      <c r="H12" s="336"/>
      <c r="I12" s="91">
        <v>686073932</v>
      </c>
      <c r="J12" s="93">
        <v>661801000</v>
      </c>
      <c r="K12" s="93">
        <v>0</v>
      </c>
      <c r="L12" s="93">
        <v>671040625</v>
      </c>
      <c r="M12" s="93">
        <v>671040625</v>
      </c>
      <c r="N12" s="91">
        <v>676834307</v>
      </c>
    </row>
    <row r="13" spans="1:18" ht="22.5" customHeight="1" x14ac:dyDescent="0.15">
      <c r="B13" s="336" t="s">
        <v>273</v>
      </c>
      <c r="C13" s="336"/>
      <c r="D13" s="336"/>
      <c r="E13" s="336"/>
      <c r="F13" s="336"/>
      <c r="G13" s="336"/>
      <c r="H13" s="336"/>
      <c r="I13" s="91">
        <v>0</v>
      </c>
      <c r="J13" s="93">
        <v>0</v>
      </c>
      <c r="K13" s="93">
        <v>0</v>
      </c>
      <c r="L13" s="93">
        <v>0</v>
      </c>
      <c r="M13" s="93">
        <v>0</v>
      </c>
      <c r="N13" s="91">
        <v>0</v>
      </c>
    </row>
    <row r="14" spans="1:18" ht="22.5" customHeight="1" x14ac:dyDescent="0.15">
      <c r="B14" s="336" t="s">
        <v>274</v>
      </c>
      <c r="C14" s="336"/>
      <c r="D14" s="336"/>
      <c r="E14" s="336"/>
      <c r="F14" s="336"/>
      <c r="G14" s="336"/>
      <c r="H14" s="336"/>
      <c r="I14" s="91">
        <v>30293554274</v>
      </c>
      <c r="J14" s="93">
        <v>64448423</v>
      </c>
      <c r="K14" s="93">
        <v>141371587</v>
      </c>
      <c r="L14" s="93">
        <v>662461000</v>
      </c>
      <c r="M14" s="93">
        <v>803832587</v>
      </c>
      <c r="N14" s="91">
        <v>29554170110</v>
      </c>
    </row>
    <row r="15" spans="1:18" ht="22.5" customHeight="1" x14ac:dyDescent="0.15">
      <c r="B15" s="336" t="s">
        <v>275</v>
      </c>
      <c r="C15" s="336"/>
      <c r="D15" s="336"/>
      <c r="E15" s="336"/>
      <c r="F15" s="336"/>
      <c r="G15" s="336"/>
      <c r="H15" s="336"/>
      <c r="I15" s="91">
        <v>8743641721</v>
      </c>
      <c r="J15" s="93">
        <v>0</v>
      </c>
      <c r="K15" s="93">
        <v>0</v>
      </c>
      <c r="L15" s="93">
        <v>600634872</v>
      </c>
      <c r="M15" s="93">
        <v>600634872</v>
      </c>
      <c r="N15" s="91">
        <v>8143006849</v>
      </c>
    </row>
    <row r="16" spans="1:18" ht="22.5" customHeight="1" x14ac:dyDescent="0.15">
      <c r="B16" s="336" t="s">
        <v>48</v>
      </c>
      <c r="C16" s="336"/>
      <c r="D16" s="336"/>
      <c r="E16" s="336"/>
      <c r="F16" s="336"/>
      <c r="G16" s="336"/>
      <c r="H16" s="336"/>
      <c r="I16" s="91">
        <v>21917831917</v>
      </c>
      <c r="J16" s="93">
        <v>21388747406</v>
      </c>
      <c r="K16" s="93">
        <v>21282311214</v>
      </c>
      <c r="L16" s="93">
        <v>635520703</v>
      </c>
      <c r="M16" s="93">
        <v>21917831917</v>
      </c>
      <c r="N16" s="91">
        <v>21388747406</v>
      </c>
    </row>
    <row r="17" spans="2:14" ht="22.5" customHeight="1" x14ac:dyDescent="0.15">
      <c r="B17" s="336" t="s">
        <v>56</v>
      </c>
      <c r="C17" s="336"/>
      <c r="D17" s="336"/>
      <c r="E17" s="336"/>
      <c r="F17" s="336"/>
      <c r="G17" s="336"/>
      <c r="H17" s="336"/>
      <c r="I17" s="91">
        <v>220552433426</v>
      </c>
      <c r="J17" s="93">
        <v>12390102777</v>
      </c>
      <c r="K17" s="93">
        <v>13385283697</v>
      </c>
      <c r="L17" s="93">
        <v>8758646103</v>
      </c>
      <c r="M17" s="93">
        <v>22143929800</v>
      </c>
      <c r="N17" s="91">
        <v>210798606403</v>
      </c>
    </row>
    <row r="18" spans="2:14" ht="22.5" customHeight="1" x14ac:dyDescent="0.15">
      <c r="B18" s="336" t="s">
        <v>57</v>
      </c>
      <c r="C18" s="336"/>
      <c r="D18" s="336"/>
      <c r="E18" s="336"/>
      <c r="F18" s="336"/>
      <c r="G18" s="336"/>
      <c r="H18" s="336"/>
      <c r="I18" s="91">
        <v>29793215912</v>
      </c>
      <c r="J18" s="93">
        <v>0</v>
      </c>
      <c r="K18" s="93">
        <v>0</v>
      </c>
      <c r="L18" s="93">
        <v>2470399005</v>
      </c>
      <c r="M18" s="93">
        <v>2470399005</v>
      </c>
      <c r="N18" s="91">
        <v>27322816907</v>
      </c>
    </row>
    <row r="19" spans="2:14" ht="22.5" customHeight="1" x14ac:dyDescent="0.15">
      <c r="B19" s="348" t="s">
        <v>232</v>
      </c>
      <c r="C19" s="348"/>
      <c r="D19" s="348"/>
      <c r="E19" s="348"/>
      <c r="F19" s="348"/>
      <c r="G19" s="348"/>
      <c r="H19" s="348"/>
      <c r="I19" s="91">
        <v>323395085391</v>
      </c>
      <c r="J19" s="93">
        <v>37695185329</v>
      </c>
      <c r="K19" s="93">
        <v>37542544184</v>
      </c>
      <c r="L19" s="93">
        <v>13912646459</v>
      </c>
      <c r="M19" s="93">
        <v>51455190643</v>
      </c>
      <c r="N19" s="91">
        <v>309635080077</v>
      </c>
    </row>
    <row r="21" spans="2:14" x14ac:dyDescent="0.15">
      <c r="I21" s="121"/>
      <c r="J21" s="121"/>
      <c r="K21" s="121"/>
      <c r="L21" s="121"/>
      <c r="M21" s="121"/>
      <c r="N21" s="121"/>
    </row>
    <row r="23" spans="2:14" x14ac:dyDescent="0.15">
      <c r="M23" s="241"/>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B10:H10"/>
    <mergeCell ref="B11:H11"/>
    <mergeCell ref="B12:H12"/>
    <mergeCell ref="B13:H13"/>
    <mergeCell ref="B14:H14"/>
    <mergeCell ref="B15:H15"/>
    <mergeCell ref="K5:O5"/>
    <mergeCell ref="A5:J5"/>
    <mergeCell ref="A1:J1"/>
    <mergeCell ref="B16:H16"/>
    <mergeCell ref="B17:H17"/>
    <mergeCell ref="N8:N9"/>
    <mergeCell ref="B7:D7"/>
    <mergeCell ref="B8:H9"/>
    <mergeCell ref="I8:I9"/>
    <mergeCell ref="J8:J9"/>
    <mergeCell ref="K8:M8"/>
  </mergeCells>
  <phoneticPr fontId="24"/>
  <printOptions horizontalCentered="1"/>
  <pageMargins left="0.19685039370078741" right="0.19685039370078741" top="0.31496062992125984" bottom="0.19685039370078741" header="0.11811023622047245" footer="0.11811023622047245"/>
  <pageSetup paperSize="9" scale="58" firstPageNumber="18" fitToWidth="2" fitToHeight="0" orientation="portrait" useFirstPageNumber="1" r:id="rId1"/>
  <headerFooter>
    <oddFooter>&amp;C&amp;"ＭＳ Ｐ明朝,標準"&amp;20&amp;P</oddFooter>
  </headerFooter>
  <colBreaks count="1" manualBreakCount="1">
    <brk id="10" max="23"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3" t="s">
        <v>191</v>
      </c>
      <c r="B17" s="263"/>
      <c r="C17" s="263"/>
      <c r="D17" s="263"/>
      <c r="E17" s="263"/>
      <c r="F17" s="263"/>
      <c r="G17" s="263"/>
      <c r="H17" s="263"/>
      <c r="I17" s="263"/>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406</v>
      </c>
      <c r="B1" s="266"/>
      <c r="C1" s="266"/>
      <c r="D1" s="266"/>
      <c r="E1" s="266"/>
      <c r="F1" s="266"/>
      <c r="G1" s="266"/>
      <c r="H1" s="165"/>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61"/>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60000000</v>
      </c>
      <c r="J10" s="23"/>
      <c r="K10" s="21"/>
      <c r="L10" s="15" t="s">
        <v>43</v>
      </c>
      <c r="M10" s="13"/>
      <c r="N10" s="13"/>
      <c r="O10" s="13"/>
      <c r="P10" s="13"/>
      <c r="Q10" s="13"/>
      <c r="R10" s="14">
        <v>116744856</v>
      </c>
      <c r="S10" s="54"/>
      <c r="T10" s="2"/>
    </row>
    <row r="11" spans="1:20" ht="22.5" customHeight="1" x14ac:dyDescent="0.15">
      <c r="B11" s="21"/>
      <c r="C11" s="13"/>
      <c r="D11" s="13" t="s">
        <v>4</v>
      </c>
      <c r="E11" s="13"/>
      <c r="F11" s="13"/>
      <c r="G11" s="13"/>
      <c r="H11" s="13"/>
      <c r="I11" s="14">
        <v>0</v>
      </c>
      <c r="J11" s="23"/>
      <c r="K11" s="21"/>
      <c r="L11" s="13"/>
      <c r="M11" s="13" t="s">
        <v>44</v>
      </c>
      <c r="N11" s="13"/>
      <c r="O11" s="13"/>
      <c r="P11" s="13"/>
      <c r="Q11" s="13"/>
      <c r="R11" s="14">
        <v>59162034</v>
      </c>
      <c r="S11" s="54"/>
      <c r="T11" s="2"/>
    </row>
    <row r="12" spans="1:20" ht="22.5" customHeight="1" x14ac:dyDescent="0.15">
      <c r="B12" s="21"/>
      <c r="C12" s="13"/>
      <c r="D12" s="13"/>
      <c r="E12" s="13" t="s">
        <v>5</v>
      </c>
      <c r="F12" s="13"/>
      <c r="G12" s="13"/>
      <c r="H12" s="13"/>
      <c r="I12" s="14">
        <v>0</v>
      </c>
      <c r="J12" s="23"/>
      <c r="K12" s="21"/>
      <c r="L12" s="13"/>
      <c r="M12" s="13" t="s">
        <v>45</v>
      </c>
      <c r="N12" s="13"/>
      <c r="O12" s="13"/>
      <c r="P12" s="13"/>
      <c r="Q12" s="13"/>
      <c r="R12" s="14">
        <v>173880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1738800</v>
      </c>
      <c r="S13" s="54"/>
      <c r="T13" s="2"/>
    </row>
    <row r="14" spans="1:20" ht="22.5" customHeight="1" x14ac:dyDescent="0.15">
      <c r="B14" s="21"/>
      <c r="C14" s="13"/>
      <c r="D14" s="13" t="s">
        <v>7</v>
      </c>
      <c r="E14" s="13"/>
      <c r="F14" s="13"/>
      <c r="G14" s="13"/>
      <c r="H14" s="13"/>
      <c r="I14" s="14">
        <v>0</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0</v>
      </c>
      <c r="J15" s="23"/>
      <c r="K15" s="21"/>
      <c r="L15" s="13"/>
      <c r="M15" s="13" t="s">
        <v>48</v>
      </c>
      <c r="N15" s="13"/>
      <c r="O15" s="13"/>
      <c r="P15" s="13"/>
      <c r="Q15" s="13"/>
      <c r="R15" s="14">
        <v>55844022</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60000000</v>
      </c>
      <c r="J20" s="23"/>
      <c r="K20" s="21"/>
      <c r="L20" s="13" t="s">
        <v>53</v>
      </c>
      <c r="M20" s="13"/>
      <c r="N20" s="13"/>
      <c r="O20" s="13"/>
      <c r="P20" s="13"/>
      <c r="Q20" s="13"/>
      <c r="R20" s="14">
        <v>14182352863</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342254111</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13294619598</v>
      </c>
      <c r="S22" s="54"/>
      <c r="T22" s="2"/>
    </row>
    <row r="23" spans="2:20" ht="22.5" customHeight="1" x14ac:dyDescent="0.15">
      <c r="B23" s="21"/>
      <c r="C23" s="13" t="s">
        <v>14</v>
      </c>
      <c r="D23" s="13"/>
      <c r="E23" s="13"/>
      <c r="F23" s="13"/>
      <c r="G23" s="13"/>
      <c r="H23" s="13"/>
      <c r="I23" s="14">
        <v>10395632989</v>
      </c>
      <c r="J23" s="23"/>
      <c r="K23" s="21"/>
      <c r="L23" s="13"/>
      <c r="M23" s="13"/>
      <c r="N23" s="13" t="s">
        <v>46</v>
      </c>
      <c r="O23" s="13"/>
      <c r="P23" s="13"/>
      <c r="Q23" s="13"/>
      <c r="R23" s="14">
        <v>13294619598</v>
      </c>
      <c r="S23" s="54"/>
      <c r="T23" s="2"/>
    </row>
    <row r="24" spans="2:20" ht="22.5" customHeight="1" x14ac:dyDescent="0.15">
      <c r="B24" s="21"/>
      <c r="C24" s="13"/>
      <c r="D24" s="13" t="s">
        <v>15</v>
      </c>
      <c r="E24" s="13"/>
      <c r="F24" s="13"/>
      <c r="G24" s="13"/>
      <c r="H24" s="13"/>
      <c r="I24" s="14">
        <v>10394920893</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10394920893</v>
      </c>
      <c r="J25" s="23"/>
      <c r="K25" s="21"/>
      <c r="L25" s="13"/>
      <c r="M25" s="13" t="s">
        <v>56</v>
      </c>
      <c r="N25" s="13"/>
      <c r="O25" s="13"/>
      <c r="P25" s="13"/>
      <c r="Q25" s="13"/>
      <c r="R25" s="14">
        <v>545479154</v>
      </c>
      <c r="S25" s="54"/>
      <c r="T25" s="2"/>
    </row>
    <row r="26" spans="2:20" ht="22.5" customHeight="1" x14ac:dyDescent="0.15">
      <c r="B26" s="21"/>
      <c r="C26" s="247"/>
      <c r="D26" s="247"/>
      <c r="E26" s="247"/>
      <c r="F26" s="247" t="s">
        <v>17</v>
      </c>
      <c r="G26" s="13"/>
      <c r="H26" s="13"/>
      <c r="I26" s="14">
        <v>8050071183</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2274334055</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70515655</v>
      </c>
      <c r="J28" s="23"/>
      <c r="K28" s="21"/>
      <c r="L28" s="13"/>
      <c r="M28" s="13" t="s">
        <v>51</v>
      </c>
      <c r="N28" s="13"/>
      <c r="O28" s="13"/>
      <c r="P28" s="13"/>
      <c r="Q28" s="13"/>
      <c r="R28" s="16">
        <v>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14299097719</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3843464730</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712096</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0</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3843464730</v>
      </c>
      <c r="S60" s="52"/>
      <c r="T60" s="2"/>
    </row>
    <row r="61" spans="2:20" ht="22.5" customHeight="1" x14ac:dyDescent="0.15">
      <c r="B61" s="45" t="s">
        <v>65</v>
      </c>
      <c r="C61" s="46"/>
      <c r="D61" s="47"/>
      <c r="E61" s="47"/>
      <c r="F61" s="47"/>
      <c r="G61" s="47"/>
      <c r="H61" s="47"/>
      <c r="I61" s="48">
        <v>10455632989</v>
      </c>
      <c r="J61" s="49"/>
      <c r="K61" s="45" t="s">
        <v>67</v>
      </c>
      <c r="L61" s="47"/>
      <c r="M61" s="47"/>
      <c r="N61" s="47"/>
      <c r="O61" s="47"/>
      <c r="P61" s="47"/>
      <c r="Q61" s="47"/>
      <c r="R61" s="48">
        <v>10455632989</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K7:M7"/>
    <mergeCell ref="N7:P7"/>
    <mergeCell ref="B8:D8"/>
    <mergeCell ref="A1:G1"/>
    <mergeCell ref="B5:S5"/>
    <mergeCell ref="B6:S6"/>
  </mergeCells>
  <phoneticPr fontId="24"/>
  <printOptions horizontalCentered="1"/>
  <pageMargins left="0.19685039370078741" right="0.19685039370078741" top="0.31496062992125984" bottom="0.19685039370078741" header="0.11811023622047245" footer="0.11811023622047245"/>
  <pageSetup paperSize="9" scale="58" firstPageNumber="22" orientation="portrait" blackAndWhite="1" useFirstPageNumber="1" r:id="rId1"/>
  <headerFooter>
    <oddFooter>&amp;C&amp;"ＭＳ Ｐ明朝,標準"&amp;20&amp;P</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407</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519</v>
      </c>
      <c r="C6" s="272"/>
      <c r="D6" s="272"/>
      <c r="E6" s="272"/>
      <c r="F6" s="272"/>
      <c r="G6" s="272"/>
      <c r="H6" s="272"/>
      <c r="I6" s="272"/>
      <c r="J6" s="272"/>
      <c r="K6" s="164"/>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1745056911</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0</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484558319</v>
      </c>
      <c r="J17" s="61"/>
      <c r="L17" s="13"/>
    </row>
    <row r="18" spans="2:12" ht="22.5" customHeight="1" x14ac:dyDescent="0.15">
      <c r="B18" s="60"/>
      <c r="C18" s="28" t="s">
        <v>77</v>
      </c>
      <c r="D18" s="28"/>
      <c r="E18" s="28"/>
      <c r="F18" s="28"/>
      <c r="G18" s="28"/>
      <c r="H18" s="29"/>
      <c r="I18" s="14">
        <v>62621000</v>
      </c>
      <c r="J18" s="61"/>
      <c r="L18" s="13"/>
    </row>
    <row r="19" spans="2:12" ht="22.5" customHeight="1" x14ac:dyDescent="0.15">
      <c r="B19" s="60"/>
      <c r="C19" s="28" t="s">
        <v>78</v>
      </c>
      <c r="D19" s="28"/>
      <c r="E19" s="28"/>
      <c r="F19" s="28"/>
      <c r="G19" s="28"/>
      <c r="H19" s="29"/>
      <c r="I19" s="14">
        <v>1011626321</v>
      </c>
      <c r="J19" s="61"/>
      <c r="L19" s="13"/>
    </row>
    <row r="20" spans="2:12" ht="22.5" customHeight="1" x14ac:dyDescent="0.15">
      <c r="B20" s="60"/>
      <c r="C20" s="28"/>
      <c r="D20" s="28" t="s">
        <v>79</v>
      </c>
      <c r="E20" s="28"/>
      <c r="F20" s="28"/>
      <c r="G20" s="28"/>
      <c r="H20" s="29"/>
      <c r="I20" s="14">
        <v>1011626321</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509093</v>
      </c>
      <c r="J24" s="61"/>
      <c r="L24" s="13"/>
    </row>
    <row r="25" spans="2:12" ht="22.5" customHeight="1" x14ac:dyDescent="0.15">
      <c r="B25" s="251"/>
      <c r="C25" s="252" t="s">
        <v>84</v>
      </c>
      <c r="D25" s="252"/>
      <c r="E25" s="252"/>
      <c r="F25" s="62"/>
      <c r="G25" s="62"/>
      <c r="H25" s="63"/>
      <c r="I25" s="64">
        <v>185742178</v>
      </c>
      <c r="J25" s="65"/>
      <c r="L25" s="13"/>
    </row>
    <row r="26" spans="2:12" ht="22.5" customHeight="1" x14ac:dyDescent="0.15">
      <c r="B26" s="249" t="s">
        <v>85</v>
      </c>
      <c r="C26" s="250"/>
      <c r="D26" s="250"/>
      <c r="E26" s="250"/>
      <c r="F26" s="28"/>
      <c r="G26" s="28"/>
      <c r="H26" s="29"/>
      <c r="I26" s="16">
        <v>2072949192</v>
      </c>
      <c r="J26" s="61"/>
      <c r="L26" s="13"/>
    </row>
    <row r="27" spans="2:12" ht="22.5" customHeight="1" x14ac:dyDescent="0.15">
      <c r="B27" s="249"/>
      <c r="C27" s="250" t="s">
        <v>86</v>
      </c>
      <c r="D27" s="250"/>
      <c r="E27" s="250"/>
      <c r="F27" s="28"/>
      <c r="G27" s="28"/>
      <c r="H27" s="29"/>
      <c r="I27" s="14">
        <v>626416778</v>
      </c>
      <c r="J27" s="66"/>
      <c r="L27" s="13"/>
    </row>
    <row r="28" spans="2:12" ht="22.5" customHeight="1" x14ac:dyDescent="0.15">
      <c r="B28" s="60"/>
      <c r="C28" s="28" t="s">
        <v>87</v>
      </c>
      <c r="D28" s="28"/>
      <c r="E28" s="28"/>
      <c r="F28" s="28"/>
      <c r="G28" s="28"/>
      <c r="H28" s="29"/>
      <c r="I28" s="14">
        <v>55844022</v>
      </c>
      <c r="J28" s="66"/>
      <c r="L28" s="13"/>
    </row>
    <row r="29" spans="2:12" ht="22.5" customHeight="1" x14ac:dyDescent="0.15">
      <c r="B29" s="60"/>
      <c r="C29" s="28" t="s">
        <v>88</v>
      </c>
      <c r="D29" s="28"/>
      <c r="E29" s="28"/>
      <c r="F29" s="28"/>
      <c r="G29" s="28"/>
      <c r="H29" s="29"/>
      <c r="I29" s="14">
        <v>-22933398</v>
      </c>
      <c r="J29" s="66"/>
      <c r="L29" s="13"/>
    </row>
    <row r="30" spans="2:12" ht="22.5" customHeight="1" x14ac:dyDescent="0.15">
      <c r="B30" s="60"/>
      <c r="C30" s="28" t="s">
        <v>89</v>
      </c>
      <c r="D30" s="28"/>
      <c r="E30" s="28"/>
      <c r="F30" s="28"/>
      <c r="G30" s="28"/>
      <c r="H30" s="29"/>
      <c r="I30" s="14">
        <v>1144333101</v>
      </c>
      <c r="J30" s="66"/>
      <c r="L30" s="13"/>
    </row>
    <row r="31" spans="2:12" ht="22.5" customHeight="1" x14ac:dyDescent="0.15">
      <c r="B31" s="60"/>
      <c r="C31" s="28" t="s">
        <v>90</v>
      </c>
      <c r="D31" s="28"/>
      <c r="E31" s="28"/>
      <c r="F31" s="28"/>
      <c r="G31" s="28"/>
      <c r="H31" s="29"/>
      <c r="I31" s="14">
        <v>72554832</v>
      </c>
      <c r="J31" s="66"/>
      <c r="L31" s="13"/>
    </row>
    <row r="32" spans="2:12" ht="22.5" customHeight="1" x14ac:dyDescent="0.15">
      <c r="B32" s="60"/>
      <c r="C32" s="28" t="s">
        <v>91</v>
      </c>
      <c r="D32" s="28"/>
      <c r="E32" s="28"/>
      <c r="F32" s="28"/>
      <c r="G32" s="28"/>
      <c r="H32" s="29"/>
      <c r="I32" s="14">
        <v>180868440</v>
      </c>
      <c r="J32" s="66"/>
      <c r="L32" s="13"/>
    </row>
    <row r="33" spans="2:12" ht="22.5" customHeight="1" x14ac:dyDescent="0.15">
      <c r="B33" s="60"/>
      <c r="C33" s="28" t="s">
        <v>92</v>
      </c>
      <c r="D33" s="28"/>
      <c r="E33" s="28"/>
      <c r="F33" s="28"/>
      <c r="G33" s="28"/>
      <c r="H33" s="29"/>
      <c r="I33" s="14">
        <v>4423147</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0</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11442270</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327892281</v>
      </c>
      <c r="J45" s="59"/>
      <c r="L45" s="13"/>
    </row>
    <row r="46" spans="2:12" ht="22.5" customHeight="1" x14ac:dyDescent="0.15">
      <c r="B46" s="60" t="s">
        <v>105</v>
      </c>
      <c r="C46" s="28"/>
      <c r="D46" s="28"/>
      <c r="E46" s="28"/>
      <c r="F46" s="28"/>
      <c r="G46" s="28"/>
      <c r="H46" s="29"/>
      <c r="I46" s="16">
        <v>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0</v>
      </c>
      <c r="J50" s="66"/>
      <c r="L50" s="13"/>
    </row>
    <row r="51" spans="1:12" ht="22.5" customHeight="1" x14ac:dyDescent="0.15">
      <c r="B51" s="60" t="s">
        <v>110</v>
      </c>
      <c r="C51" s="28"/>
      <c r="D51" s="28"/>
      <c r="E51" s="28"/>
      <c r="F51" s="28"/>
      <c r="G51" s="28"/>
      <c r="H51" s="29"/>
      <c r="I51" s="14">
        <v>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0</v>
      </c>
      <c r="J57" s="66"/>
      <c r="L57" s="13"/>
    </row>
    <row r="58" spans="1:12" ht="22.5" customHeight="1" x14ac:dyDescent="0.15">
      <c r="B58" s="56" t="s">
        <v>115</v>
      </c>
      <c r="C58" s="57"/>
      <c r="D58" s="57"/>
      <c r="E58" s="57"/>
      <c r="F58" s="57"/>
      <c r="G58" s="57"/>
      <c r="H58" s="58"/>
      <c r="I58" s="48">
        <v>0</v>
      </c>
      <c r="J58" s="59"/>
      <c r="L58" s="13"/>
    </row>
    <row r="59" spans="1:12" ht="22.5" customHeight="1" x14ac:dyDescent="0.15">
      <c r="A59" s="13"/>
      <c r="B59" s="56" t="s">
        <v>116</v>
      </c>
      <c r="C59" s="47"/>
      <c r="D59" s="47"/>
      <c r="E59" s="47"/>
      <c r="F59" s="47"/>
      <c r="G59" s="47"/>
      <c r="H59" s="47"/>
      <c r="I59" s="48">
        <v>-327892281</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23" orientation="portrait" blackAndWhite="1" useFirstPageNumber="1" r:id="rId1"/>
  <headerFooter>
    <oddFooter>&amp;C&amp;"ＭＳ Ｐ明朝,標準"&amp;20&amp;P</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N60"/>
  <sheetViews>
    <sheetView showGridLines="0" view="pageBreakPreview" zoomScaleNormal="70" zoomScaleSheetLayoutView="100" workbookViewId="0">
      <selection sqref="A1:E1"/>
    </sheetView>
  </sheetViews>
  <sheetFormatPr defaultColWidth="8.875" defaultRowHeight="22.5" customHeight="1" x14ac:dyDescent="0.15"/>
  <cols>
    <col min="1" max="2" width="8.625" style="38" customWidth="1"/>
    <col min="3" max="8" width="3.5" style="38" customWidth="1"/>
    <col min="9" max="9" width="8.75" style="38" customWidth="1"/>
    <col min="10" max="12" width="34.625" style="38" customWidth="1"/>
    <col min="13" max="14" width="8.625" style="3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408</v>
      </c>
      <c r="B1" s="275"/>
      <c r="C1" s="275"/>
      <c r="D1" s="275"/>
      <c r="E1" s="275"/>
      <c r="F1" s="160"/>
      <c r="G1" s="160"/>
      <c r="H1" s="160"/>
      <c r="I1" s="160"/>
      <c r="J1" s="160"/>
      <c r="K1" s="160"/>
      <c r="L1" s="160"/>
    </row>
    <row r="2" spans="1:14" ht="22.5" customHeight="1" x14ac:dyDescent="0.15">
      <c r="A2" s="39"/>
      <c r="B2" s="158"/>
      <c r="C2" s="2"/>
      <c r="D2" s="39"/>
      <c r="E2" s="39"/>
      <c r="F2" s="39"/>
      <c r="G2" s="39"/>
      <c r="H2" s="39"/>
      <c r="I2" s="39"/>
      <c r="J2" s="39"/>
      <c r="K2" s="39"/>
      <c r="L2" s="39"/>
      <c r="M2" s="39"/>
      <c r="N2" s="39"/>
    </row>
    <row r="3" spans="1:14" ht="22.5" customHeight="1" x14ac:dyDescent="0.15">
      <c r="A3" s="39"/>
      <c r="B3" s="39"/>
      <c r="C3" s="39"/>
      <c r="D3" s="39"/>
      <c r="E3" s="39"/>
      <c r="F3" s="39"/>
      <c r="G3" s="39"/>
      <c r="H3" s="39"/>
      <c r="I3" s="39"/>
      <c r="J3" s="39"/>
      <c r="K3" s="39"/>
      <c r="L3" s="39"/>
      <c r="M3" s="39"/>
      <c r="N3" s="39"/>
    </row>
    <row r="4" spans="1:14" ht="22.5" customHeight="1" x14ac:dyDescent="0.15">
      <c r="A4" s="39"/>
      <c r="B4" s="39"/>
      <c r="C4" s="40"/>
      <c r="D4" s="41"/>
      <c r="E4" s="41"/>
      <c r="F4" s="41"/>
      <c r="G4" s="41"/>
      <c r="H4" s="41"/>
      <c r="I4" s="41"/>
      <c r="J4" s="41"/>
      <c r="K4" s="41"/>
      <c r="L4" s="41"/>
      <c r="M4" s="39"/>
      <c r="N4" s="39"/>
    </row>
    <row r="5" spans="1:14" ht="28.5" x14ac:dyDescent="0.15">
      <c r="A5" s="39"/>
      <c r="C5" s="276" t="s">
        <v>355</v>
      </c>
      <c r="D5" s="276"/>
      <c r="E5" s="276"/>
      <c r="F5" s="276"/>
      <c r="G5" s="276"/>
      <c r="H5" s="276"/>
      <c r="I5" s="276"/>
      <c r="J5" s="276"/>
      <c r="K5" s="276"/>
      <c r="L5" s="276"/>
      <c r="M5" s="164"/>
      <c r="N5" s="39"/>
    </row>
    <row r="6" spans="1:14" ht="22.5" customHeight="1" x14ac:dyDescent="0.15">
      <c r="A6" s="39"/>
      <c r="C6" s="273" t="s">
        <v>413</v>
      </c>
      <c r="D6" s="273"/>
      <c r="E6" s="273"/>
      <c r="F6" s="273"/>
      <c r="G6" s="273"/>
      <c r="H6" s="273"/>
      <c r="I6" s="273"/>
      <c r="J6" s="273"/>
      <c r="K6" s="273"/>
      <c r="L6" s="273"/>
      <c r="M6" s="164"/>
      <c r="N6" s="39"/>
    </row>
    <row r="7" spans="1:14" ht="22.5" customHeight="1" x14ac:dyDescent="0.15">
      <c r="A7" s="13"/>
      <c r="B7" s="13"/>
      <c r="C7" s="13"/>
      <c r="D7" s="13"/>
      <c r="E7" s="13"/>
      <c r="F7" s="13"/>
      <c r="G7" s="13"/>
      <c r="H7" s="13"/>
      <c r="I7" s="13"/>
      <c r="J7" s="13"/>
      <c r="K7" s="13"/>
      <c r="L7" s="13"/>
      <c r="M7" s="13"/>
      <c r="N7" s="13"/>
    </row>
    <row r="8" spans="1:14" ht="18.7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3515572449</v>
      </c>
      <c r="K10" s="44">
        <v>0</v>
      </c>
      <c r="L10" s="44">
        <v>-3515572449</v>
      </c>
      <c r="M10" s="13"/>
      <c r="N10" s="13"/>
    </row>
    <row r="11" spans="1:14" ht="50.1" customHeight="1" x14ac:dyDescent="0.15">
      <c r="A11" s="13"/>
      <c r="B11" s="13"/>
      <c r="C11" s="274" t="s">
        <v>325</v>
      </c>
      <c r="D11" s="274"/>
      <c r="E11" s="274"/>
      <c r="F11" s="274"/>
      <c r="G11" s="274"/>
      <c r="H11" s="274"/>
      <c r="I11" s="274"/>
      <c r="J11" s="44">
        <v>-327892281</v>
      </c>
      <c r="K11" s="44">
        <v>0</v>
      </c>
      <c r="L11" s="44">
        <v>-327892281</v>
      </c>
      <c r="M11" s="13"/>
      <c r="N11" s="13"/>
    </row>
    <row r="12" spans="1:14" ht="50.1" customHeight="1" x14ac:dyDescent="0.15">
      <c r="A12" s="13"/>
      <c r="B12" s="13"/>
      <c r="C12" s="274" t="s">
        <v>326</v>
      </c>
      <c r="D12" s="274"/>
      <c r="E12" s="274"/>
      <c r="F12" s="274"/>
      <c r="G12" s="274"/>
      <c r="H12" s="274"/>
      <c r="I12" s="274"/>
      <c r="J12" s="44">
        <v>-3843464730</v>
      </c>
      <c r="K12" s="44">
        <v>0</v>
      </c>
      <c r="L12" s="44">
        <v>-3843464730</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A19" s="39"/>
      <c r="B19" s="39"/>
      <c r="C19" s="39"/>
      <c r="D19" s="39"/>
      <c r="E19" s="39"/>
      <c r="F19" s="39"/>
      <c r="G19" s="39"/>
      <c r="H19" s="39"/>
      <c r="I19" s="39"/>
      <c r="J19" s="39"/>
      <c r="K19" s="39"/>
      <c r="L19" s="39"/>
      <c r="M19" s="39"/>
      <c r="N19" s="39"/>
    </row>
    <row r="20" spans="1:14" ht="22.5" customHeight="1" x14ac:dyDescent="0.15">
      <c r="A20" s="39"/>
      <c r="B20" s="39"/>
      <c r="C20" s="39"/>
      <c r="D20" s="39"/>
      <c r="E20" s="39"/>
      <c r="F20" s="39"/>
      <c r="G20" s="39"/>
      <c r="H20" s="39"/>
      <c r="I20" s="39"/>
      <c r="J20" s="39"/>
      <c r="K20" s="39"/>
      <c r="L20" s="39"/>
      <c r="M20" s="39"/>
      <c r="N20" s="39"/>
    </row>
    <row r="21" spans="1:14" ht="22.5" customHeight="1" x14ac:dyDescent="0.15">
      <c r="A21" s="39"/>
      <c r="B21" s="39"/>
      <c r="C21" s="248"/>
      <c r="D21" s="248"/>
      <c r="E21" s="248"/>
      <c r="F21" s="248"/>
      <c r="G21" s="39"/>
      <c r="H21" s="39"/>
      <c r="I21" s="39"/>
      <c r="J21" s="39"/>
      <c r="K21" s="39"/>
      <c r="L21" s="39"/>
      <c r="M21" s="39"/>
      <c r="N21" s="39"/>
    </row>
    <row r="22" spans="1:14" ht="22.5" customHeight="1" x14ac:dyDescent="0.15">
      <c r="A22" s="39"/>
      <c r="B22" s="39"/>
      <c r="C22" s="248"/>
      <c r="D22" s="248"/>
      <c r="E22" s="248"/>
      <c r="F22" s="248"/>
      <c r="G22" s="39"/>
      <c r="H22" s="39"/>
      <c r="I22" s="39"/>
      <c r="J22" s="39"/>
      <c r="K22" s="39"/>
      <c r="L22" s="39"/>
      <c r="M22" s="39"/>
      <c r="N22" s="39"/>
    </row>
    <row r="23" spans="1:14" ht="22.5" customHeight="1" x14ac:dyDescent="0.15">
      <c r="A23" s="39"/>
      <c r="B23" s="39"/>
      <c r="C23" s="248"/>
      <c r="D23" s="248"/>
      <c r="E23" s="248"/>
      <c r="F23" s="248"/>
      <c r="G23" s="39"/>
      <c r="H23" s="39"/>
      <c r="I23" s="39"/>
      <c r="J23" s="39"/>
      <c r="K23" s="39"/>
      <c r="L23" s="39"/>
      <c r="M23" s="39"/>
      <c r="N23" s="39"/>
    </row>
    <row r="24" spans="1:14" ht="22.5" customHeight="1" x14ac:dyDescent="0.15">
      <c r="A24" s="39"/>
      <c r="B24" s="39"/>
      <c r="C24" s="248"/>
      <c r="D24" s="248"/>
      <c r="E24" s="248"/>
      <c r="F24" s="248"/>
      <c r="G24" s="39"/>
      <c r="H24" s="39"/>
      <c r="I24" s="39"/>
      <c r="J24" s="39"/>
      <c r="K24" s="39"/>
      <c r="L24" s="39"/>
      <c r="M24" s="39"/>
      <c r="N24" s="39"/>
    </row>
    <row r="25" spans="1:14" ht="22.5" customHeight="1" x14ac:dyDescent="0.15">
      <c r="A25" s="39"/>
      <c r="B25" s="39"/>
      <c r="C25" s="39"/>
      <c r="D25" s="39"/>
      <c r="E25" s="39"/>
      <c r="F25" s="39"/>
      <c r="G25" s="39"/>
      <c r="H25" s="39"/>
      <c r="I25" s="39"/>
      <c r="J25" s="39"/>
      <c r="K25" s="39"/>
      <c r="L25" s="39"/>
      <c r="M25" s="39"/>
      <c r="N25" s="39"/>
    </row>
    <row r="26" spans="1:14" ht="22.5" customHeight="1" x14ac:dyDescent="0.15">
      <c r="A26" s="39"/>
      <c r="B26" s="39"/>
      <c r="C26" s="39"/>
      <c r="D26" s="39"/>
      <c r="E26" s="39"/>
      <c r="F26" s="39"/>
      <c r="G26" s="39"/>
      <c r="H26" s="39"/>
      <c r="I26" s="39"/>
      <c r="J26" s="39"/>
      <c r="K26" s="39"/>
      <c r="L26" s="39"/>
      <c r="M26" s="39"/>
      <c r="N26" s="39"/>
    </row>
    <row r="27" spans="1:14" ht="22.5" customHeight="1" x14ac:dyDescent="0.15">
      <c r="A27" s="39"/>
      <c r="B27" s="39"/>
      <c r="C27" s="39"/>
      <c r="D27" s="39"/>
      <c r="E27" s="39"/>
      <c r="F27" s="39"/>
      <c r="G27" s="39"/>
      <c r="H27" s="39"/>
      <c r="I27" s="39"/>
      <c r="J27" s="39"/>
      <c r="K27" s="39"/>
      <c r="L27" s="39"/>
      <c r="M27" s="39"/>
      <c r="N27" s="39"/>
    </row>
    <row r="28" spans="1:14" ht="22.5" customHeight="1" x14ac:dyDescent="0.15">
      <c r="A28" s="39"/>
      <c r="B28" s="39"/>
      <c r="C28" s="39"/>
      <c r="D28" s="39"/>
      <c r="E28" s="39"/>
      <c r="F28" s="39"/>
      <c r="G28" s="39"/>
      <c r="H28" s="39"/>
      <c r="I28" s="39"/>
      <c r="J28" s="39"/>
      <c r="K28" s="39"/>
      <c r="L28" s="39"/>
      <c r="M28" s="39"/>
      <c r="N28" s="39"/>
    </row>
    <row r="29" spans="1:14" ht="22.5" customHeight="1" x14ac:dyDescent="0.15">
      <c r="A29" s="39"/>
      <c r="B29" s="39"/>
      <c r="C29" s="39"/>
      <c r="D29" s="39"/>
      <c r="E29" s="39"/>
      <c r="F29" s="39"/>
      <c r="G29" s="39"/>
      <c r="H29" s="39"/>
      <c r="I29" s="39"/>
      <c r="J29" s="39"/>
      <c r="K29" s="39"/>
      <c r="L29" s="39"/>
      <c r="M29" s="39"/>
      <c r="N29" s="39"/>
    </row>
    <row r="30" spans="1:14" ht="22.5" customHeight="1" x14ac:dyDescent="0.15">
      <c r="A30" s="39"/>
      <c r="B30" s="39"/>
      <c r="C30" s="39"/>
      <c r="D30" s="39"/>
      <c r="E30" s="39"/>
      <c r="F30" s="39"/>
      <c r="G30" s="39"/>
      <c r="H30" s="39"/>
      <c r="I30" s="39"/>
      <c r="J30" s="39"/>
      <c r="K30" s="39"/>
      <c r="L30" s="39"/>
      <c r="M30" s="39"/>
      <c r="N30" s="39"/>
    </row>
    <row r="31" spans="1:14" ht="22.5" customHeight="1" x14ac:dyDescent="0.15">
      <c r="A31" s="39"/>
      <c r="B31" s="39"/>
      <c r="C31" s="39"/>
      <c r="D31" s="39"/>
      <c r="E31" s="39"/>
      <c r="F31" s="39"/>
      <c r="G31" s="39"/>
      <c r="H31" s="39"/>
      <c r="I31" s="39"/>
      <c r="J31" s="39"/>
      <c r="K31" s="39"/>
      <c r="L31" s="39"/>
      <c r="M31" s="39"/>
      <c r="N31" s="39"/>
    </row>
    <row r="32" spans="1:14" ht="22.5" customHeight="1" x14ac:dyDescent="0.15">
      <c r="A32" s="39"/>
      <c r="B32" s="39"/>
      <c r="C32" s="39"/>
      <c r="D32" s="39"/>
      <c r="E32" s="39"/>
      <c r="F32" s="39"/>
      <c r="G32" s="39"/>
      <c r="H32" s="39"/>
      <c r="I32" s="39"/>
      <c r="J32" s="39"/>
      <c r="K32" s="39"/>
      <c r="L32" s="39"/>
      <c r="M32" s="39"/>
      <c r="N32" s="39"/>
    </row>
    <row r="33" spans="1:14" ht="22.5" customHeight="1" x14ac:dyDescent="0.15">
      <c r="A33" s="39"/>
      <c r="B33" s="39"/>
      <c r="C33" s="39"/>
      <c r="D33" s="39"/>
      <c r="E33" s="39"/>
      <c r="F33" s="39"/>
      <c r="G33" s="39"/>
      <c r="H33" s="39"/>
      <c r="I33" s="39"/>
      <c r="J33" s="39"/>
      <c r="K33" s="39"/>
      <c r="L33" s="39"/>
      <c r="M33" s="39"/>
      <c r="N33" s="39"/>
    </row>
    <row r="34" spans="1:14" ht="22.5" customHeight="1" x14ac:dyDescent="0.15">
      <c r="A34" s="39"/>
      <c r="B34" s="39"/>
      <c r="C34" s="39"/>
      <c r="D34" s="39"/>
      <c r="E34" s="39"/>
      <c r="F34" s="39"/>
      <c r="G34" s="39"/>
      <c r="H34" s="39"/>
      <c r="I34" s="39"/>
      <c r="J34" s="39"/>
      <c r="K34" s="39"/>
      <c r="L34" s="39"/>
      <c r="M34" s="39"/>
      <c r="N34" s="39"/>
    </row>
    <row r="35" spans="1:14" ht="22.5" customHeight="1" x14ac:dyDescent="0.15">
      <c r="A35" s="39"/>
      <c r="B35" s="39"/>
      <c r="C35" s="39"/>
      <c r="D35" s="39"/>
      <c r="E35" s="39"/>
      <c r="F35" s="39"/>
      <c r="G35" s="39"/>
      <c r="H35" s="39"/>
      <c r="I35" s="39"/>
      <c r="J35" s="39"/>
      <c r="K35" s="39"/>
      <c r="L35" s="39"/>
      <c r="M35" s="39"/>
      <c r="N35" s="39"/>
    </row>
    <row r="36" spans="1:14" ht="22.5" customHeight="1" x14ac:dyDescent="0.15">
      <c r="A36" s="39"/>
      <c r="B36" s="39"/>
      <c r="C36" s="39"/>
      <c r="D36" s="39"/>
      <c r="E36" s="39"/>
      <c r="F36" s="39"/>
      <c r="G36" s="39"/>
      <c r="H36" s="39"/>
      <c r="I36" s="39"/>
      <c r="J36" s="39"/>
      <c r="K36" s="39"/>
      <c r="L36" s="39"/>
      <c r="M36" s="39"/>
      <c r="N36" s="39"/>
    </row>
    <row r="37" spans="1:14" ht="22.5" customHeight="1" x14ac:dyDescent="0.15">
      <c r="A37" s="39"/>
      <c r="B37" s="39"/>
      <c r="C37" s="39"/>
      <c r="D37" s="39"/>
      <c r="E37" s="39"/>
      <c r="F37" s="39"/>
      <c r="G37" s="39"/>
      <c r="H37" s="39"/>
      <c r="I37" s="39"/>
      <c r="J37" s="39"/>
      <c r="K37" s="39"/>
      <c r="L37" s="39"/>
      <c r="M37" s="39"/>
      <c r="N37" s="39"/>
    </row>
    <row r="38" spans="1:14" ht="22.5" customHeight="1" x14ac:dyDescent="0.15">
      <c r="A38" s="39"/>
      <c r="B38" s="39"/>
      <c r="C38" s="39"/>
      <c r="D38" s="39"/>
      <c r="E38" s="39"/>
      <c r="F38" s="39"/>
      <c r="G38" s="39"/>
      <c r="H38" s="39"/>
      <c r="I38" s="39"/>
      <c r="J38" s="39"/>
      <c r="K38" s="39"/>
      <c r="L38" s="39"/>
      <c r="M38" s="39"/>
      <c r="N38" s="39"/>
    </row>
    <row r="39" spans="1:14" ht="22.5" customHeight="1" x14ac:dyDescent="0.15">
      <c r="A39" s="39"/>
      <c r="B39" s="39"/>
      <c r="C39" s="39"/>
      <c r="D39" s="39"/>
      <c r="E39" s="39"/>
      <c r="F39" s="39"/>
      <c r="G39" s="39"/>
      <c r="H39" s="39"/>
      <c r="I39" s="39"/>
      <c r="J39" s="39"/>
      <c r="K39" s="39"/>
      <c r="L39" s="39"/>
      <c r="M39" s="39"/>
      <c r="N39" s="39"/>
    </row>
    <row r="40" spans="1:14" ht="22.5" customHeight="1" x14ac:dyDescent="0.15">
      <c r="A40" s="39"/>
      <c r="B40" s="39"/>
      <c r="C40" s="39"/>
      <c r="D40" s="39"/>
      <c r="E40" s="39"/>
      <c r="F40" s="39"/>
      <c r="G40" s="39"/>
      <c r="H40" s="39"/>
      <c r="I40" s="39"/>
      <c r="J40" s="39"/>
      <c r="K40" s="39"/>
      <c r="L40" s="39"/>
      <c r="M40" s="39"/>
      <c r="N40" s="39"/>
    </row>
    <row r="41" spans="1:14" ht="22.5" customHeight="1" x14ac:dyDescent="0.15">
      <c r="A41" s="39"/>
      <c r="B41" s="39"/>
      <c r="C41" s="39"/>
      <c r="D41" s="39"/>
      <c r="E41" s="39"/>
      <c r="F41" s="39"/>
      <c r="G41" s="39"/>
      <c r="H41" s="39"/>
      <c r="I41" s="39"/>
      <c r="J41" s="39"/>
      <c r="K41" s="39"/>
      <c r="L41" s="39"/>
      <c r="M41" s="39"/>
      <c r="N41" s="39"/>
    </row>
    <row r="42" spans="1:14" ht="22.5" customHeight="1" x14ac:dyDescent="0.15">
      <c r="A42" s="39"/>
      <c r="B42" s="39"/>
      <c r="C42" s="39"/>
      <c r="D42" s="39"/>
      <c r="E42" s="39"/>
      <c r="F42" s="39"/>
      <c r="G42" s="39"/>
      <c r="H42" s="39"/>
      <c r="I42" s="39"/>
      <c r="J42" s="39"/>
      <c r="K42" s="39"/>
      <c r="L42" s="39"/>
      <c r="M42" s="39"/>
      <c r="N42" s="39"/>
    </row>
    <row r="43" spans="1:14" ht="22.5" customHeight="1" x14ac:dyDescent="0.15">
      <c r="A43" s="39"/>
      <c r="B43" s="39"/>
      <c r="C43" s="39"/>
      <c r="D43" s="39"/>
      <c r="E43" s="39"/>
      <c r="F43" s="39"/>
      <c r="G43" s="39"/>
      <c r="H43" s="39"/>
      <c r="I43" s="39"/>
      <c r="J43" s="39"/>
      <c r="K43" s="39"/>
      <c r="L43" s="39"/>
      <c r="M43" s="39"/>
      <c r="N43" s="39"/>
    </row>
    <row r="44" spans="1:14" ht="22.5" customHeight="1" x14ac:dyDescent="0.15">
      <c r="A44" s="39"/>
      <c r="B44" s="39"/>
      <c r="C44" s="39"/>
      <c r="D44" s="39"/>
      <c r="E44" s="39"/>
      <c r="F44" s="39"/>
      <c r="G44" s="39"/>
      <c r="H44" s="39"/>
      <c r="I44" s="39"/>
      <c r="J44" s="39"/>
      <c r="K44" s="39"/>
      <c r="L44" s="39"/>
      <c r="M44" s="39"/>
      <c r="N44" s="39"/>
    </row>
    <row r="45" spans="1:14" ht="22.5" customHeight="1" x14ac:dyDescent="0.15">
      <c r="A45" s="39"/>
      <c r="B45" s="39"/>
      <c r="C45" s="39"/>
      <c r="D45" s="39"/>
      <c r="E45" s="39"/>
      <c r="F45" s="39"/>
      <c r="G45" s="39"/>
      <c r="H45" s="39"/>
      <c r="I45" s="39"/>
      <c r="J45" s="39"/>
      <c r="K45" s="39"/>
      <c r="L45" s="39"/>
      <c r="M45" s="39"/>
      <c r="N45" s="39"/>
    </row>
    <row r="46" spans="1:14" ht="22.5" customHeight="1" x14ac:dyDescent="0.15">
      <c r="A46" s="39"/>
      <c r="B46" s="39"/>
      <c r="C46" s="39"/>
      <c r="D46" s="39"/>
      <c r="E46" s="39"/>
      <c r="F46" s="39"/>
      <c r="G46" s="39"/>
      <c r="H46" s="39"/>
      <c r="I46" s="39"/>
      <c r="J46" s="39"/>
      <c r="K46" s="39"/>
      <c r="L46" s="39"/>
      <c r="M46" s="39"/>
      <c r="N46" s="39"/>
    </row>
    <row r="47" spans="1:14" ht="22.5" customHeight="1" x14ac:dyDescent="0.15">
      <c r="A47" s="39"/>
      <c r="B47" s="39"/>
      <c r="C47" s="39"/>
      <c r="D47" s="39"/>
      <c r="E47" s="39"/>
      <c r="F47" s="39"/>
      <c r="G47" s="39"/>
      <c r="H47" s="39"/>
      <c r="I47" s="39"/>
      <c r="J47" s="39"/>
      <c r="K47" s="39"/>
      <c r="L47" s="39"/>
      <c r="M47" s="39"/>
      <c r="N47" s="39"/>
    </row>
    <row r="48" spans="1:14" ht="22.5" customHeight="1" x14ac:dyDescent="0.15">
      <c r="A48" s="39"/>
      <c r="B48" s="39"/>
      <c r="C48" s="39"/>
      <c r="D48" s="39"/>
      <c r="E48" s="39"/>
      <c r="F48" s="39"/>
      <c r="G48" s="39"/>
      <c r="H48" s="39"/>
      <c r="I48" s="39"/>
      <c r="J48" s="39"/>
      <c r="K48" s="39"/>
      <c r="L48" s="39"/>
      <c r="M48" s="39"/>
      <c r="N48" s="39"/>
    </row>
    <row r="49" spans="1:14" ht="22.5" customHeight="1" x14ac:dyDescent="0.15">
      <c r="A49" s="39"/>
      <c r="B49" s="39"/>
      <c r="C49" s="39"/>
      <c r="D49" s="39"/>
      <c r="E49" s="39"/>
      <c r="F49" s="39"/>
      <c r="G49" s="39"/>
      <c r="H49" s="39"/>
      <c r="I49" s="39"/>
      <c r="J49" s="39"/>
      <c r="K49" s="39"/>
      <c r="L49" s="39"/>
      <c r="M49" s="39"/>
      <c r="N49" s="39"/>
    </row>
    <row r="50" spans="1:14" ht="22.5" customHeight="1" x14ac:dyDescent="0.15">
      <c r="A50" s="39"/>
      <c r="B50" s="39"/>
      <c r="C50" s="39"/>
      <c r="D50" s="39"/>
      <c r="E50" s="39"/>
      <c r="F50" s="39"/>
      <c r="G50" s="39"/>
      <c r="H50" s="39"/>
      <c r="I50" s="39"/>
      <c r="J50" s="39"/>
      <c r="K50" s="39"/>
      <c r="L50" s="39"/>
      <c r="M50" s="39"/>
      <c r="N50" s="39"/>
    </row>
    <row r="51" spans="1:14" ht="22.5" customHeight="1" x14ac:dyDescent="0.15">
      <c r="A51" s="39"/>
      <c r="B51" s="39"/>
      <c r="C51" s="39"/>
      <c r="D51" s="39"/>
      <c r="E51" s="39"/>
      <c r="F51" s="39"/>
      <c r="G51" s="39"/>
      <c r="H51" s="39"/>
      <c r="I51" s="39"/>
      <c r="J51" s="39"/>
      <c r="K51" s="39"/>
      <c r="L51" s="39"/>
      <c r="M51" s="39"/>
      <c r="N51" s="39"/>
    </row>
    <row r="52" spans="1:14" ht="22.5" customHeight="1" x14ac:dyDescent="0.15">
      <c r="A52" s="39"/>
      <c r="B52" s="39"/>
      <c r="C52" s="39"/>
      <c r="D52" s="39"/>
      <c r="E52" s="39"/>
      <c r="F52" s="39"/>
      <c r="G52" s="39"/>
      <c r="H52" s="39"/>
      <c r="I52" s="39"/>
      <c r="J52" s="39"/>
      <c r="K52" s="39"/>
      <c r="L52" s="39"/>
      <c r="M52" s="39"/>
      <c r="N52" s="39"/>
    </row>
    <row r="53" spans="1:14" ht="22.5" customHeight="1" x14ac:dyDescent="0.15">
      <c r="A53" s="39"/>
      <c r="B53" s="39"/>
      <c r="C53" s="39"/>
      <c r="D53" s="39"/>
      <c r="E53" s="39"/>
      <c r="F53" s="39"/>
      <c r="G53" s="39"/>
      <c r="H53" s="39"/>
      <c r="I53" s="39"/>
      <c r="J53" s="39"/>
      <c r="K53" s="39"/>
      <c r="L53" s="39"/>
      <c r="M53" s="39"/>
      <c r="N53" s="39"/>
    </row>
    <row r="54" spans="1:14" ht="22.5" customHeight="1" x14ac:dyDescent="0.15">
      <c r="A54" s="39"/>
      <c r="B54" s="39"/>
      <c r="C54" s="39"/>
      <c r="D54" s="39"/>
      <c r="E54" s="39"/>
      <c r="F54" s="39"/>
      <c r="G54" s="39"/>
      <c r="H54" s="39"/>
      <c r="I54" s="39"/>
      <c r="J54" s="39"/>
      <c r="K54" s="39"/>
      <c r="L54" s="39"/>
      <c r="M54" s="39"/>
      <c r="N54" s="39"/>
    </row>
    <row r="55" spans="1:14" ht="22.5" customHeight="1" x14ac:dyDescent="0.15">
      <c r="A55" s="39"/>
      <c r="B55" s="39"/>
      <c r="C55" s="39"/>
      <c r="D55" s="39"/>
      <c r="E55" s="39"/>
      <c r="F55" s="39"/>
      <c r="G55" s="39"/>
      <c r="H55" s="39"/>
      <c r="I55" s="39"/>
      <c r="J55" s="39"/>
      <c r="K55" s="39"/>
      <c r="L55" s="39"/>
      <c r="M55" s="39"/>
      <c r="N55" s="39"/>
    </row>
    <row r="56" spans="1:14" ht="22.5" customHeight="1" x14ac:dyDescent="0.15">
      <c r="A56" s="39"/>
      <c r="B56" s="39"/>
      <c r="C56" s="39"/>
      <c r="D56" s="39"/>
      <c r="E56" s="39"/>
      <c r="F56" s="39"/>
      <c r="G56" s="39"/>
      <c r="H56" s="39"/>
      <c r="I56" s="39"/>
      <c r="J56" s="39"/>
      <c r="K56" s="39"/>
      <c r="L56" s="39"/>
      <c r="M56" s="39"/>
      <c r="N56" s="39"/>
    </row>
    <row r="57" spans="1:14" ht="22.5" customHeight="1" x14ac:dyDescent="0.15">
      <c r="A57" s="39"/>
      <c r="B57" s="39"/>
      <c r="C57" s="39"/>
      <c r="D57" s="39"/>
      <c r="E57" s="39"/>
      <c r="F57" s="39"/>
      <c r="G57" s="39"/>
      <c r="H57" s="39"/>
      <c r="I57" s="39"/>
      <c r="J57" s="39"/>
      <c r="K57" s="39"/>
      <c r="L57" s="39"/>
      <c r="M57" s="39"/>
      <c r="N57" s="39"/>
    </row>
    <row r="58" spans="1:14" ht="22.5" customHeight="1" x14ac:dyDescent="0.15">
      <c r="A58" s="39"/>
      <c r="B58" s="39"/>
      <c r="C58" s="39"/>
      <c r="D58" s="39"/>
      <c r="E58" s="39"/>
      <c r="F58" s="39"/>
      <c r="G58" s="39"/>
      <c r="H58" s="39"/>
      <c r="I58" s="39"/>
      <c r="J58" s="39"/>
      <c r="K58" s="39"/>
      <c r="L58" s="39"/>
      <c r="M58" s="39"/>
      <c r="N58" s="39"/>
    </row>
    <row r="59" spans="1:14" ht="22.5" customHeight="1" x14ac:dyDescent="0.15">
      <c r="A59" s="39"/>
      <c r="B59" s="39"/>
      <c r="C59" s="39"/>
      <c r="D59" s="39"/>
      <c r="E59" s="39"/>
      <c r="F59" s="39"/>
      <c r="G59" s="39"/>
      <c r="H59" s="39"/>
      <c r="I59" s="39"/>
      <c r="J59" s="39"/>
      <c r="K59" s="39"/>
      <c r="L59" s="39"/>
      <c r="M59" s="39"/>
      <c r="N59" s="39"/>
    </row>
    <row r="60" spans="1:14" ht="22.5" customHeight="1" x14ac:dyDescent="0.15">
      <c r="A60" s="39"/>
      <c r="B60" s="39"/>
      <c r="C60" s="39"/>
      <c r="D60" s="39"/>
      <c r="E60" s="39"/>
      <c r="F60" s="39"/>
      <c r="G60" s="39"/>
      <c r="H60" s="39"/>
      <c r="I60" s="39"/>
      <c r="J60" s="39"/>
      <c r="K60" s="39"/>
      <c r="L60" s="39"/>
      <c r="M60" s="39"/>
      <c r="N60" s="39"/>
    </row>
  </sheetData>
  <sheetProtection selectLockedCells="1" selectUnlockedCells="1"/>
  <mergeCells count="8">
    <mergeCell ref="C11:I11"/>
    <mergeCell ref="C12:I12"/>
    <mergeCell ref="C8:E8"/>
    <mergeCell ref="C9:I9"/>
    <mergeCell ref="C10:I10"/>
    <mergeCell ref="C5:L5"/>
    <mergeCell ref="C6:L6"/>
    <mergeCell ref="A1:E1"/>
  </mergeCells>
  <phoneticPr fontId="24"/>
  <printOptions horizontalCentered="1"/>
  <pageMargins left="0.19685039370078741" right="0.19685039370078741" top="0.31496062992125984" bottom="0.19685039370078741" header="0.11811023622047245" footer="0.11811023622047245"/>
  <pageSetup paperSize="9" scale="58" firstPageNumber="24" orientation="portrait" blackAndWhite="1" useFirstPageNumber="1" r:id="rId1"/>
  <headerFooter>
    <oddFooter>&amp;C&amp;"ＭＳ Ｐ明朝,標準"&amp;20&amp;P</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407</v>
      </c>
      <c r="B1" s="279"/>
      <c r="C1" s="279"/>
      <c r="D1" s="279"/>
      <c r="E1" s="279"/>
      <c r="F1" s="279"/>
      <c r="G1" s="279"/>
      <c r="H1" s="166"/>
      <c r="I1" s="166"/>
      <c r="J1" s="166"/>
      <c r="K1" s="166"/>
      <c r="L1" s="166"/>
      <c r="M1" s="166"/>
      <c r="N1" s="166"/>
      <c r="O1" s="166"/>
      <c r="P1" s="166"/>
      <c r="Q1" s="166"/>
      <c r="R1" s="166"/>
      <c r="S1" s="166"/>
    </row>
    <row r="2" spans="1:20" ht="22.5" customHeight="1" x14ac:dyDescent="0.15">
      <c r="A2" s="158"/>
      <c r="B2" s="2"/>
      <c r="C2" s="2"/>
      <c r="D2" s="2"/>
      <c r="E2" s="2"/>
      <c r="F2" s="2"/>
      <c r="G2" s="2"/>
      <c r="H2" s="2"/>
      <c r="I2" s="2"/>
      <c r="J2" s="2"/>
      <c r="K2" s="2"/>
      <c r="L2" s="2"/>
      <c r="M2" s="2"/>
      <c r="N2" s="2"/>
      <c r="O2" s="2"/>
      <c r="P2" s="2"/>
      <c r="Q2" s="2"/>
      <c r="R2" s="2"/>
      <c r="S2" s="2"/>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22.5" customHeight="1" x14ac:dyDescent="0.15">
      <c r="A7" s="34"/>
      <c r="B7" s="34"/>
      <c r="C7" s="34"/>
      <c r="D7" s="34"/>
      <c r="E7" s="34"/>
      <c r="F7" s="34"/>
      <c r="G7" s="34"/>
      <c r="H7" s="34"/>
      <c r="I7" s="34"/>
      <c r="J7" s="34"/>
      <c r="K7" s="280"/>
      <c r="L7" s="280"/>
      <c r="M7" s="280"/>
      <c r="N7" s="162"/>
      <c r="O7" s="162"/>
      <c r="P7" s="162"/>
      <c r="Q7" s="35"/>
      <c r="R7" s="34"/>
      <c r="S7" s="34"/>
      <c r="T7" s="2"/>
    </row>
    <row r="8" spans="1:20" ht="18.7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0</v>
      </c>
      <c r="S9" s="12"/>
      <c r="T9" s="2"/>
    </row>
    <row r="10" spans="1:20" ht="22.5" customHeight="1" x14ac:dyDescent="0.15">
      <c r="A10" s="21"/>
      <c r="B10" s="13" t="s">
        <v>118</v>
      </c>
      <c r="C10" s="13"/>
      <c r="D10" s="13"/>
      <c r="E10" s="13"/>
      <c r="F10" s="13"/>
      <c r="G10" s="13"/>
      <c r="H10" s="14">
        <v>1745056911</v>
      </c>
      <c r="I10" s="54"/>
      <c r="J10" s="13"/>
      <c r="K10" s="21"/>
      <c r="L10" s="13"/>
      <c r="M10" s="13" t="s">
        <v>157</v>
      </c>
      <c r="N10" s="13"/>
      <c r="O10" s="13"/>
      <c r="P10" s="13"/>
      <c r="Q10" s="13"/>
      <c r="R10" s="14">
        <v>0</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484558319</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6262100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1011626321</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1011626321</v>
      </c>
      <c r="I21" s="54"/>
      <c r="J21" s="13"/>
      <c r="K21" s="45" t="s">
        <v>164</v>
      </c>
      <c r="L21" s="47"/>
      <c r="M21" s="47"/>
      <c r="N21" s="47"/>
      <c r="O21" s="47"/>
      <c r="P21" s="47"/>
      <c r="Q21" s="47"/>
      <c r="R21" s="48">
        <v>60000000</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16700000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167000000</v>
      </c>
      <c r="S24" s="54"/>
      <c r="T24" s="2"/>
    </row>
    <row r="25" spans="1:20" ht="22.5" customHeight="1" x14ac:dyDescent="0.15">
      <c r="A25" s="21"/>
      <c r="B25" s="247"/>
      <c r="C25" s="247" t="s">
        <v>132</v>
      </c>
      <c r="D25" s="247"/>
      <c r="E25" s="247"/>
      <c r="F25" s="13"/>
      <c r="G25" s="13"/>
      <c r="H25" s="14">
        <v>509093</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185742178</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1912070158</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679316808</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1144333101</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72554832</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4423147</v>
      </c>
      <c r="I31" s="54"/>
      <c r="J31" s="13"/>
      <c r="K31" s="21"/>
      <c r="L31" s="13" t="s">
        <v>170</v>
      </c>
      <c r="M31" s="13"/>
      <c r="N31" s="13"/>
      <c r="O31" s="13"/>
      <c r="P31" s="13"/>
      <c r="Q31" s="13"/>
      <c r="R31" s="14">
        <v>59986753</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58247953</v>
      </c>
      <c r="S32" s="54"/>
      <c r="T32" s="2"/>
    </row>
    <row r="33" spans="1:20" ht="22.5" customHeight="1" x14ac:dyDescent="0.15">
      <c r="A33" s="21"/>
      <c r="B33" s="13"/>
      <c r="C33" s="13" t="s">
        <v>140</v>
      </c>
      <c r="D33" s="13"/>
      <c r="E33" s="13"/>
      <c r="F33" s="13"/>
      <c r="G33" s="13"/>
      <c r="H33" s="14">
        <v>11442270</v>
      </c>
      <c r="I33" s="54"/>
      <c r="J33" s="13"/>
      <c r="K33" s="21"/>
      <c r="L33" s="13"/>
      <c r="M33" s="13" t="s">
        <v>172</v>
      </c>
      <c r="N33" s="13"/>
      <c r="O33" s="13"/>
      <c r="P33" s="13"/>
      <c r="Q33" s="13"/>
      <c r="R33" s="14">
        <v>173880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0</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167013247</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107013247</v>
      </c>
      <c r="S40" s="52"/>
      <c r="T40" s="2"/>
    </row>
    <row r="41" spans="1:20" ht="22.5" customHeight="1" x14ac:dyDescent="0.15">
      <c r="A41" s="21"/>
      <c r="B41" s="13" t="s">
        <v>148</v>
      </c>
      <c r="C41" s="13"/>
      <c r="D41" s="13"/>
      <c r="E41" s="13"/>
      <c r="F41" s="13"/>
      <c r="G41" s="13"/>
      <c r="H41" s="14">
        <v>60000000</v>
      </c>
      <c r="I41" s="54"/>
      <c r="J41" s="13"/>
      <c r="K41" s="45" t="s">
        <v>176</v>
      </c>
      <c r="L41" s="47"/>
      <c r="M41" s="47"/>
      <c r="N41" s="47"/>
      <c r="O41" s="47"/>
      <c r="P41" s="47"/>
      <c r="Q41" s="47"/>
      <c r="R41" s="48">
        <v>0</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0</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0</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6000000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ht="22.5" customHeight="1" x14ac:dyDescent="0.15">
      <c r="A62" s="13"/>
      <c r="B62" s="13"/>
      <c r="C62" s="13"/>
      <c r="D62" s="13"/>
      <c r="E62" s="13"/>
      <c r="F62" s="13"/>
      <c r="G62" s="13"/>
      <c r="H62" s="14"/>
      <c r="I62" s="14"/>
      <c r="J62" s="2"/>
      <c r="K62" s="13"/>
      <c r="L62" s="13"/>
      <c r="M62" s="13"/>
      <c r="N62" s="13"/>
      <c r="O62" s="13"/>
      <c r="P62" s="13"/>
      <c r="Q62" s="13"/>
      <c r="R62" s="14"/>
      <c r="S62" s="14"/>
      <c r="T62" s="2"/>
    </row>
    <row r="63" spans="1:20" ht="22.5" customHeight="1" x14ac:dyDescent="0.15">
      <c r="A63" s="2"/>
      <c r="B63" s="2"/>
      <c r="C63" s="2"/>
      <c r="D63" s="2"/>
      <c r="E63" s="2"/>
      <c r="F63" s="2"/>
      <c r="G63" s="2"/>
      <c r="H63" s="17"/>
      <c r="I63" s="17"/>
      <c r="J63" s="2"/>
      <c r="K63" s="2"/>
      <c r="L63" s="2"/>
      <c r="M63" s="2"/>
      <c r="N63" s="2"/>
      <c r="O63" s="2"/>
      <c r="P63" s="2"/>
      <c r="Q63" s="2"/>
      <c r="R63" s="17"/>
      <c r="S63" s="17"/>
      <c r="T63" s="2"/>
    </row>
    <row r="64" spans="1:20" ht="22.5" customHeight="1" x14ac:dyDescent="0.15">
      <c r="A64" s="2"/>
      <c r="B64" s="2"/>
      <c r="C64" s="2"/>
      <c r="D64" s="2"/>
      <c r="E64" s="2"/>
      <c r="F64" s="2"/>
      <c r="G64" s="2"/>
      <c r="H64" s="17"/>
      <c r="I64" s="17"/>
      <c r="J64" s="2"/>
      <c r="K64" s="2"/>
      <c r="L64" s="2"/>
      <c r="M64" s="2"/>
      <c r="N64" s="2"/>
      <c r="O64" s="2"/>
      <c r="P64" s="2"/>
      <c r="Q64" s="2"/>
      <c r="R64" s="17"/>
      <c r="S64" s="17"/>
    </row>
    <row r="65" spans="1:19" ht="22.5" customHeight="1" x14ac:dyDescent="0.15">
      <c r="A65" s="2"/>
      <c r="B65" s="2"/>
      <c r="C65" s="2"/>
      <c r="D65" s="2"/>
      <c r="E65" s="2"/>
      <c r="F65" s="2"/>
      <c r="G65" s="2"/>
      <c r="H65" s="18"/>
      <c r="I65" s="18"/>
      <c r="J65" s="2"/>
      <c r="K65" s="2"/>
      <c r="L65" s="2"/>
      <c r="M65" s="2"/>
      <c r="N65" s="2"/>
      <c r="O65" s="2"/>
      <c r="P65" s="2"/>
      <c r="Q65" s="2"/>
      <c r="R65" s="18"/>
      <c r="S65" s="18"/>
    </row>
    <row r="66" spans="1:19" ht="22.5" customHeight="1" x14ac:dyDescent="0.15">
      <c r="A66" s="2"/>
      <c r="B66" s="2"/>
      <c r="C66" s="2"/>
      <c r="D66" s="2"/>
      <c r="E66" s="2"/>
      <c r="F66" s="2"/>
      <c r="G66" s="2"/>
      <c r="H66" s="18"/>
      <c r="I66" s="18"/>
      <c r="J66" s="2"/>
      <c r="K66" s="2"/>
      <c r="L66" s="2"/>
      <c r="M66" s="2"/>
      <c r="N66" s="2"/>
      <c r="O66" s="2"/>
      <c r="P66" s="2"/>
      <c r="Q66" s="2"/>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K7:M7"/>
    <mergeCell ref="A8:C8"/>
    <mergeCell ref="A1:G1"/>
    <mergeCell ref="A5:S5"/>
    <mergeCell ref="A6:S6"/>
  </mergeCells>
  <phoneticPr fontId="24"/>
  <printOptions horizontalCentered="1"/>
  <pageMargins left="0.19685039370078741" right="0.19685039370078741" top="0.31496062992125984" bottom="0.19685039370078741" header="0.11811023622047245" footer="0.11811023622047245"/>
  <pageSetup paperSize="9" scale="58" firstPageNumber="25" orientation="portrait" blackAndWhite="1" useFirstPageNumber="1" r:id="rId1"/>
  <headerFooter>
    <oddFooter>&amp;C&amp;"ＭＳ Ｐ明朝,標準"&amp;20&amp;P</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7"/>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21</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3</v>
      </c>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245" t="s">
        <v>544</v>
      </c>
      <c r="D30" s="245"/>
      <c r="E30" s="245"/>
      <c r="F30" s="246"/>
    </row>
    <row r="31" spans="2:6" s="172" customFormat="1" ht="20.25" x14ac:dyDescent="0.15">
      <c r="B31" s="168"/>
      <c r="C31" s="246"/>
      <c r="D31" s="246"/>
      <c r="E31" s="246"/>
      <c r="F31" s="246"/>
    </row>
    <row r="32" spans="2:6" s="172" customFormat="1" ht="20.25" x14ac:dyDescent="0.15">
      <c r="B32" s="168" t="s">
        <v>376</v>
      </c>
      <c r="C32" s="246"/>
      <c r="D32" s="246"/>
      <c r="E32" s="246"/>
      <c r="F32" s="246"/>
    </row>
    <row r="33" spans="2:6" s="172" customFormat="1" ht="20.25" customHeight="1" x14ac:dyDescent="0.15">
      <c r="B33" s="168"/>
      <c r="C33" s="245"/>
      <c r="D33" s="245"/>
      <c r="E33" s="245"/>
      <c r="F33" s="246"/>
    </row>
    <row r="34" spans="2:6" s="172" customFormat="1" ht="20.25" x14ac:dyDescent="0.15">
      <c r="B34" s="168"/>
      <c r="C34" s="217" t="s">
        <v>545</v>
      </c>
      <c r="D34" s="217"/>
      <c r="E34" s="217"/>
    </row>
    <row r="35" spans="2:6" s="172" customFormat="1" ht="37.5" customHeight="1" x14ac:dyDescent="0.15">
      <c r="B35" s="168"/>
      <c r="C35" s="228"/>
      <c r="D35" s="224"/>
      <c r="E35" s="222"/>
    </row>
    <row r="36" spans="2:6" s="172" customFormat="1" ht="37.5" customHeight="1" x14ac:dyDescent="0.15">
      <c r="B36" s="168"/>
      <c r="C36" s="228"/>
      <c r="D36" s="229"/>
      <c r="E36" s="222"/>
    </row>
    <row r="37" spans="2:6" s="172" customFormat="1" ht="37.5" customHeight="1" x14ac:dyDescent="0.15">
      <c r="B37" s="168"/>
      <c r="C37" s="228"/>
      <c r="D37" s="225"/>
      <c r="E37" s="222"/>
    </row>
    <row r="38" spans="2:6" s="172" customFormat="1" ht="37.5" customHeight="1" x14ac:dyDescent="0.15">
      <c r="B38" s="168"/>
      <c r="C38" s="224"/>
      <c r="D38" s="225"/>
      <c r="E38" s="222"/>
    </row>
    <row r="39" spans="2:6" s="172" customFormat="1" ht="20.25" x14ac:dyDescent="0.15">
      <c r="B39" s="168"/>
      <c r="C39" s="177"/>
      <c r="D39" s="177"/>
    </row>
    <row r="40" spans="2:6" s="172" customFormat="1" ht="20.25" x14ac:dyDescent="0.15">
      <c r="B40" s="168"/>
    </row>
    <row r="41" spans="2:6" s="172" customFormat="1" ht="20.25" customHeight="1" x14ac:dyDescent="0.15">
      <c r="B41" s="168"/>
      <c r="C41" s="217"/>
      <c r="D41" s="217"/>
      <c r="E41" s="217"/>
    </row>
    <row r="42" spans="2:6" s="172" customFormat="1" ht="20.25" x14ac:dyDescent="0.15">
      <c r="B42" s="168"/>
      <c r="C42" s="227"/>
      <c r="D42" s="227"/>
      <c r="E42" s="227"/>
      <c r="F42" s="222"/>
    </row>
    <row r="43" spans="2:6" s="172" customFormat="1" ht="20.25" customHeight="1" x14ac:dyDescent="0.15">
      <c r="B43" s="168"/>
      <c r="C43" s="227"/>
      <c r="D43" s="227"/>
      <c r="E43" s="227"/>
      <c r="F43" s="222"/>
    </row>
    <row r="44" spans="2:6" s="172" customFormat="1" ht="20.25" x14ac:dyDescent="0.15">
      <c r="B44" s="168"/>
      <c r="C44" s="222"/>
      <c r="D44" s="222"/>
      <c r="E44" s="222"/>
      <c r="F44" s="222"/>
    </row>
    <row r="45" spans="2:6" s="172" customFormat="1" ht="20.25" x14ac:dyDescent="0.15">
      <c r="B45" s="168"/>
      <c r="C45" s="222"/>
      <c r="D45" s="222"/>
      <c r="E45" s="223"/>
      <c r="F45" s="222"/>
    </row>
    <row r="46" spans="2:6" s="172" customFormat="1" ht="20.25" x14ac:dyDescent="0.15">
      <c r="B46" s="168"/>
      <c r="C46" s="224"/>
      <c r="D46" s="224"/>
      <c r="E46" s="224"/>
      <c r="F46" s="222"/>
    </row>
    <row r="47" spans="2:6" s="172" customFormat="1" ht="93" customHeight="1" x14ac:dyDescent="0.15">
      <c r="B47" s="168"/>
      <c r="C47" s="224"/>
      <c r="D47" s="225"/>
      <c r="E47" s="226"/>
      <c r="F47" s="222"/>
    </row>
    <row r="48" spans="2:6" s="172" customFormat="1" ht="20.25" customHeight="1" x14ac:dyDescent="0.15">
      <c r="B48" s="168"/>
      <c r="C48" s="222"/>
      <c r="D48" s="222"/>
      <c r="E48" s="222"/>
      <c r="F48" s="222"/>
    </row>
    <row r="49" spans="2:6" s="172" customFormat="1" ht="20.25" x14ac:dyDescent="0.15">
      <c r="B49" s="168"/>
      <c r="C49" s="177"/>
      <c r="D49" s="177"/>
      <c r="E49" s="177"/>
      <c r="F49" s="222"/>
    </row>
    <row r="50" spans="2:6" s="172" customFormat="1" ht="20.25" customHeight="1" x14ac:dyDescent="0.15">
      <c r="B50" s="168"/>
      <c r="C50" s="350"/>
      <c r="D50" s="350"/>
      <c r="E50" s="350"/>
      <c r="F50" s="222"/>
    </row>
    <row r="51" spans="2:6" s="172" customFormat="1" ht="20.25" customHeight="1" x14ac:dyDescent="0.15">
      <c r="B51" s="168"/>
      <c r="C51" s="350"/>
      <c r="D51" s="350"/>
      <c r="E51" s="350"/>
      <c r="F51" s="222"/>
    </row>
    <row r="52" spans="2:6" s="172" customFormat="1" ht="20.25" customHeight="1" x14ac:dyDescent="0.15">
      <c r="B52" s="168"/>
      <c r="C52" s="349"/>
      <c r="D52" s="349"/>
      <c r="E52" s="349"/>
      <c r="F52" s="222"/>
    </row>
    <row r="53" spans="2:6" s="172" customFormat="1" ht="20.25" customHeight="1" x14ac:dyDescent="0.15">
      <c r="B53" s="168"/>
      <c r="C53" s="227"/>
      <c r="D53" s="227"/>
      <c r="E53" s="227"/>
      <c r="F53" s="222"/>
    </row>
    <row r="54" spans="2:6" s="172" customFormat="1" ht="20.25" customHeight="1" x14ac:dyDescent="0.15">
      <c r="B54" s="181"/>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282"/>
      <c r="D58" s="282"/>
      <c r="E58" s="282"/>
    </row>
    <row r="59" spans="2:6" s="172" customFormat="1" ht="20.25" customHeight="1" x14ac:dyDescent="0.15">
      <c r="B59" s="168"/>
      <c r="C59" s="283"/>
      <c r="D59" s="283"/>
      <c r="E59" s="217"/>
    </row>
    <row r="60" spans="2:6" s="172" customFormat="1" ht="20.25" customHeight="1" x14ac:dyDescent="0.15">
      <c r="B60" s="181"/>
      <c r="C60" s="281"/>
      <c r="D60" s="281"/>
      <c r="E60" s="281"/>
    </row>
    <row r="61" spans="2:6" s="172" customFormat="1" ht="20.25" customHeight="1" x14ac:dyDescent="0.15">
      <c r="B61" s="168"/>
      <c r="C61" s="281"/>
      <c r="D61" s="281"/>
      <c r="E61" s="281"/>
    </row>
    <row r="62" spans="2:6" s="172" customFormat="1" ht="20.25" customHeight="1" x14ac:dyDescent="0.15">
      <c r="B62" s="168"/>
      <c r="C62" s="217"/>
      <c r="D62" s="217"/>
      <c r="E62" s="217"/>
    </row>
    <row r="63" spans="2:6" s="172" customFormat="1" ht="20.25" customHeight="1" x14ac:dyDescent="0.15">
      <c r="B63" s="168"/>
      <c r="C63" s="217"/>
      <c r="D63" s="217"/>
      <c r="E63" s="217"/>
    </row>
    <row r="64" spans="2:6" s="172" customFormat="1" ht="48" customHeight="1" x14ac:dyDescent="0.15">
      <c r="B64" s="168"/>
      <c r="C64" s="182"/>
      <c r="D64" s="182"/>
      <c r="E64" s="182"/>
    </row>
    <row r="65" spans="3:5" s="198" customFormat="1" ht="22.5" customHeight="1" x14ac:dyDescent="0.15">
      <c r="C65" s="195"/>
      <c r="D65" s="195"/>
      <c r="E65" s="195"/>
    </row>
    <row r="66" spans="3:5" s="198" customFormat="1" ht="22.5" customHeight="1" x14ac:dyDescent="0.15">
      <c r="C66" s="195"/>
      <c r="D66" s="195"/>
      <c r="E66" s="195"/>
    </row>
    <row r="67" spans="3:5" s="198" customFormat="1" ht="21" customHeight="1" x14ac:dyDescent="0.15">
      <c r="C67" s="195"/>
      <c r="D67" s="195"/>
      <c r="E67" s="195"/>
    </row>
  </sheetData>
  <mergeCells count="16">
    <mergeCell ref="D12:E12"/>
    <mergeCell ref="A1:C1"/>
    <mergeCell ref="B5:E5"/>
    <mergeCell ref="D9:E9"/>
    <mergeCell ref="D10:E10"/>
    <mergeCell ref="D11:E11"/>
    <mergeCell ref="B13:E13"/>
    <mergeCell ref="B17:E17"/>
    <mergeCell ref="D21:E21"/>
    <mergeCell ref="D22:E22"/>
    <mergeCell ref="C50:E51"/>
    <mergeCell ref="C52:E52"/>
    <mergeCell ref="C54:E57"/>
    <mergeCell ref="C58:E58"/>
    <mergeCell ref="C59:D59"/>
    <mergeCell ref="C60:E61"/>
  </mergeCells>
  <phoneticPr fontId="24"/>
  <printOptions horizontalCentered="1"/>
  <pageMargins left="0.19685039370078741" right="0.19685039370078741" top="0.31496062992125984" bottom="0.19685039370078741" header="0.11811023622047245" footer="0.11811023622047245"/>
  <pageSetup paperSize="9" scale="58" firstPageNumber="26" fitToHeight="0" orientation="portrait" useFirstPageNumber="1" r:id="rId1"/>
  <headerFooter>
    <oddFooter>&amp;C&amp;"ＭＳ Ｐ明朝,標準"&amp;20&amp;P</oddFooter>
  </headerFooter>
  <rowBreaks count="1" manualBreakCount="1">
    <brk id="12" max="5"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J89"/>
  <sheetViews>
    <sheetView view="pageBreakPreview" zoomScaleNormal="70" zoomScaleSheetLayoutView="100" workbookViewId="0">
      <selection sqref="A1:J1"/>
    </sheetView>
  </sheetViews>
  <sheetFormatPr defaultRowHeight="13.5" x14ac:dyDescent="0.15"/>
  <cols>
    <col min="1" max="1" width="9" style="69"/>
    <col min="2" max="2" width="5.5" style="69" customWidth="1"/>
    <col min="3" max="8" width="9" style="69"/>
    <col min="9" max="9" width="4.875" style="72" customWidth="1"/>
    <col min="10" max="16384" width="9" style="69"/>
  </cols>
  <sheetData>
    <row r="1" spans="1:10" ht="24" x14ac:dyDescent="0.15">
      <c r="A1" s="261" t="s">
        <v>197</v>
      </c>
      <c r="B1" s="261"/>
      <c r="C1" s="261"/>
      <c r="D1" s="261"/>
      <c r="E1" s="261"/>
      <c r="F1" s="261"/>
      <c r="G1" s="261"/>
      <c r="H1" s="261"/>
      <c r="I1" s="261"/>
      <c r="J1" s="261"/>
    </row>
    <row r="5" spans="1:10" x14ac:dyDescent="0.15">
      <c r="I5" s="72" t="s">
        <v>192</v>
      </c>
    </row>
    <row r="6" spans="1:10" x14ac:dyDescent="0.15">
      <c r="B6" s="69" t="s">
        <v>185</v>
      </c>
      <c r="H6" s="72"/>
    </row>
    <row r="7" spans="1:10" x14ac:dyDescent="0.15">
      <c r="C7" s="69" t="s">
        <v>186</v>
      </c>
      <c r="H7" s="72" t="s">
        <v>396</v>
      </c>
      <c r="I7" s="72">
        <v>2</v>
      </c>
    </row>
    <row r="8" spans="1:10" x14ac:dyDescent="0.15">
      <c r="C8" s="69" t="s">
        <v>188</v>
      </c>
      <c r="H8" s="72" t="s">
        <v>394</v>
      </c>
      <c r="I8" s="72">
        <v>3</v>
      </c>
    </row>
    <row r="9" spans="1:10" x14ac:dyDescent="0.15">
      <c r="C9" s="69" t="s">
        <v>189</v>
      </c>
      <c r="H9" s="72" t="s">
        <v>278</v>
      </c>
      <c r="I9" s="72">
        <v>4</v>
      </c>
    </row>
    <row r="10" spans="1:10" x14ac:dyDescent="0.15">
      <c r="C10" s="69" t="s">
        <v>187</v>
      </c>
      <c r="H10" s="72" t="s">
        <v>193</v>
      </c>
      <c r="I10" s="72">
        <v>5</v>
      </c>
    </row>
    <row r="11" spans="1:10" x14ac:dyDescent="0.15">
      <c r="C11" s="69" t="s">
        <v>348</v>
      </c>
      <c r="H11" s="72" t="s">
        <v>349</v>
      </c>
      <c r="I11" s="72">
        <v>6</v>
      </c>
    </row>
    <row r="12" spans="1:10" x14ac:dyDescent="0.15">
      <c r="C12" s="69" t="s">
        <v>276</v>
      </c>
      <c r="H12" s="72" t="s">
        <v>277</v>
      </c>
      <c r="I12" s="72">
        <v>8</v>
      </c>
    </row>
    <row r="13" spans="1:10" x14ac:dyDescent="0.15">
      <c r="H13" s="72"/>
    </row>
    <row r="15" spans="1:10" x14ac:dyDescent="0.15">
      <c r="B15" s="69" t="s">
        <v>190</v>
      </c>
    </row>
    <row r="16" spans="1:10" x14ac:dyDescent="0.15">
      <c r="C16" s="69" t="s">
        <v>186</v>
      </c>
      <c r="H16" s="72" t="s">
        <v>396</v>
      </c>
      <c r="I16" s="72">
        <v>22</v>
      </c>
    </row>
    <row r="17" spans="2:9" x14ac:dyDescent="0.15">
      <c r="C17" s="69" t="s">
        <v>188</v>
      </c>
      <c r="H17" s="72" t="s">
        <v>278</v>
      </c>
      <c r="I17" s="72">
        <v>23</v>
      </c>
    </row>
    <row r="18" spans="2:9" x14ac:dyDescent="0.15">
      <c r="C18" s="69" t="s">
        <v>189</v>
      </c>
      <c r="H18" s="72" t="s">
        <v>278</v>
      </c>
      <c r="I18" s="72">
        <v>24</v>
      </c>
    </row>
    <row r="19" spans="2:9" x14ac:dyDescent="0.15">
      <c r="C19" s="69" t="s">
        <v>187</v>
      </c>
      <c r="H19" s="72" t="s">
        <v>193</v>
      </c>
      <c r="I19" s="72">
        <v>25</v>
      </c>
    </row>
    <row r="20" spans="2:9" x14ac:dyDescent="0.15">
      <c r="C20" s="69" t="s">
        <v>348</v>
      </c>
      <c r="H20" s="72" t="s">
        <v>349</v>
      </c>
      <c r="I20" s="72">
        <v>26</v>
      </c>
    </row>
    <row r="21" spans="2:9" x14ac:dyDescent="0.15">
      <c r="C21" s="69" t="s">
        <v>276</v>
      </c>
      <c r="H21" s="72" t="s">
        <v>277</v>
      </c>
      <c r="I21" s="72">
        <v>28</v>
      </c>
    </row>
    <row r="22" spans="2:9" x14ac:dyDescent="0.15">
      <c r="H22" s="72"/>
    </row>
    <row r="23" spans="2:9" x14ac:dyDescent="0.15">
      <c r="H23" s="72"/>
    </row>
    <row r="24" spans="2:9" x14ac:dyDescent="0.15">
      <c r="B24" s="69" t="s">
        <v>194</v>
      </c>
    </row>
    <row r="25" spans="2:9" x14ac:dyDescent="0.15">
      <c r="C25" s="69" t="s">
        <v>186</v>
      </c>
      <c r="H25" s="72" t="s">
        <v>395</v>
      </c>
      <c r="I25" s="72">
        <v>36</v>
      </c>
    </row>
    <row r="26" spans="2:9" x14ac:dyDescent="0.15">
      <c r="C26" s="69" t="s">
        <v>188</v>
      </c>
      <c r="H26" s="72" t="s">
        <v>278</v>
      </c>
      <c r="I26" s="72">
        <v>37</v>
      </c>
    </row>
    <row r="27" spans="2:9" x14ac:dyDescent="0.15">
      <c r="C27" s="69" t="s">
        <v>189</v>
      </c>
      <c r="H27" s="72" t="s">
        <v>278</v>
      </c>
      <c r="I27" s="72">
        <v>38</v>
      </c>
    </row>
    <row r="28" spans="2:9" x14ac:dyDescent="0.15">
      <c r="C28" s="69" t="s">
        <v>187</v>
      </c>
      <c r="H28" s="72" t="s">
        <v>193</v>
      </c>
      <c r="I28" s="72">
        <v>39</v>
      </c>
    </row>
    <row r="29" spans="2:9" x14ac:dyDescent="0.15">
      <c r="C29" s="69" t="s">
        <v>348</v>
      </c>
      <c r="H29" s="72" t="s">
        <v>349</v>
      </c>
      <c r="I29" s="72">
        <v>40</v>
      </c>
    </row>
    <row r="30" spans="2:9" x14ac:dyDescent="0.15">
      <c r="C30" s="69" t="s">
        <v>276</v>
      </c>
      <c r="H30" s="72" t="s">
        <v>277</v>
      </c>
      <c r="I30" s="72">
        <v>42</v>
      </c>
    </row>
    <row r="31" spans="2:9" x14ac:dyDescent="0.15">
      <c r="H31" s="72"/>
    </row>
    <row r="32" spans="2:9" x14ac:dyDescent="0.15">
      <c r="C32" s="253"/>
      <c r="D32" s="253"/>
      <c r="E32" s="253"/>
      <c r="F32" s="253"/>
    </row>
    <row r="33" spans="2:9" x14ac:dyDescent="0.15">
      <c r="B33" s="69" t="s">
        <v>201</v>
      </c>
      <c r="C33" s="253"/>
      <c r="D33" s="253"/>
      <c r="E33" s="253"/>
      <c r="F33" s="253"/>
    </row>
    <row r="34" spans="2:9" x14ac:dyDescent="0.15">
      <c r="C34" s="253" t="s">
        <v>186</v>
      </c>
      <c r="D34" s="253"/>
      <c r="E34" s="253"/>
      <c r="F34" s="253"/>
      <c r="H34" s="72" t="s">
        <v>395</v>
      </c>
      <c r="I34" s="72">
        <v>48</v>
      </c>
    </row>
    <row r="35" spans="2:9" x14ac:dyDescent="0.15">
      <c r="C35" s="253" t="s">
        <v>188</v>
      </c>
      <c r="D35" s="253"/>
      <c r="E35" s="253"/>
      <c r="F35" s="253"/>
      <c r="H35" s="72" t="s">
        <v>278</v>
      </c>
      <c r="I35" s="72">
        <v>49</v>
      </c>
    </row>
    <row r="36" spans="2:9" x14ac:dyDescent="0.15">
      <c r="C36" s="69" t="s">
        <v>189</v>
      </c>
      <c r="H36" s="72" t="s">
        <v>278</v>
      </c>
      <c r="I36" s="72">
        <v>50</v>
      </c>
    </row>
    <row r="37" spans="2:9" x14ac:dyDescent="0.15">
      <c r="C37" s="69" t="s">
        <v>187</v>
      </c>
      <c r="H37" s="72" t="s">
        <v>193</v>
      </c>
      <c r="I37" s="72">
        <v>51</v>
      </c>
    </row>
    <row r="38" spans="2:9" x14ac:dyDescent="0.15">
      <c r="C38" s="69" t="s">
        <v>348</v>
      </c>
      <c r="H38" s="72" t="s">
        <v>349</v>
      </c>
      <c r="I38" s="72">
        <v>52</v>
      </c>
    </row>
    <row r="39" spans="2:9" x14ac:dyDescent="0.15">
      <c r="C39" s="69" t="s">
        <v>276</v>
      </c>
      <c r="H39" s="72" t="s">
        <v>277</v>
      </c>
      <c r="I39" s="72">
        <v>54</v>
      </c>
    </row>
    <row r="40" spans="2:9" x14ac:dyDescent="0.15">
      <c r="H40" s="72"/>
    </row>
    <row r="41" spans="2:9" x14ac:dyDescent="0.15">
      <c r="H41" s="72"/>
    </row>
    <row r="42" spans="2:9" x14ac:dyDescent="0.15">
      <c r="B42" s="69" t="s">
        <v>195</v>
      </c>
    </row>
    <row r="43" spans="2:9" x14ac:dyDescent="0.15">
      <c r="C43" s="69" t="s">
        <v>186</v>
      </c>
      <c r="H43" s="72" t="s">
        <v>395</v>
      </c>
      <c r="I43" s="72">
        <v>60</v>
      </c>
    </row>
    <row r="44" spans="2:9" x14ac:dyDescent="0.15">
      <c r="C44" s="69" t="s">
        <v>188</v>
      </c>
      <c r="H44" s="72" t="s">
        <v>278</v>
      </c>
      <c r="I44" s="72">
        <v>61</v>
      </c>
    </row>
    <row r="45" spans="2:9" x14ac:dyDescent="0.15">
      <c r="C45" s="69" t="s">
        <v>189</v>
      </c>
      <c r="H45" s="72" t="s">
        <v>278</v>
      </c>
      <c r="I45" s="72">
        <v>62</v>
      </c>
    </row>
    <row r="46" spans="2:9" x14ac:dyDescent="0.15">
      <c r="C46" s="69" t="s">
        <v>187</v>
      </c>
      <c r="H46" s="72" t="s">
        <v>193</v>
      </c>
      <c r="I46" s="72">
        <v>63</v>
      </c>
    </row>
    <row r="47" spans="2:9" x14ac:dyDescent="0.15">
      <c r="C47" s="69" t="s">
        <v>348</v>
      </c>
      <c r="H47" s="72" t="s">
        <v>349</v>
      </c>
      <c r="I47" s="72">
        <v>64</v>
      </c>
    </row>
    <row r="48" spans="2:9" x14ac:dyDescent="0.15">
      <c r="C48" s="69" t="s">
        <v>276</v>
      </c>
      <c r="H48" s="72" t="s">
        <v>277</v>
      </c>
      <c r="I48" s="72">
        <v>66</v>
      </c>
    </row>
    <row r="49" spans="1:10" x14ac:dyDescent="0.15">
      <c r="H49" s="72"/>
    </row>
    <row r="51" spans="1:10" x14ac:dyDescent="0.15">
      <c r="B51" s="69" t="s">
        <v>196</v>
      </c>
    </row>
    <row r="52" spans="1:10" x14ac:dyDescent="0.15">
      <c r="C52" s="69" t="s">
        <v>186</v>
      </c>
      <c r="H52" s="72" t="s">
        <v>395</v>
      </c>
      <c r="I52" s="72">
        <v>74</v>
      </c>
    </row>
    <row r="53" spans="1:10" x14ac:dyDescent="0.15">
      <c r="C53" s="69" t="s">
        <v>188</v>
      </c>
      <c r="H53" s="72" t="s">
        <v>278</v>
      </c>
      <c r="I53" s="72">
        <v>75</v>
      </c>
    </row>
    <row r="54" spans="1:10" x14ac:dyDescent="0.15">
      <c r="C54" s="69" t="s">
        <v>189</v>
      </c>
      <c r="H54" s="72" t="s">
        <v>278</v>
      </c>
      <c r="I54" s="72">
        <v>76</v>
      </c>
    </row>
    <row r="55" spans="1:10" x14ac:dyDescent="0.15">
      <c r="C55" s="69" t="s">
        <v>187</v>
      </c>
      <c r="H55" s="72" t="s">
        <v>193</v>
      </c>
      <c r="I55" s="72">
        <v>77</v>
      </c>
    </row>
    <row r="56" spans="1:10" x14ac:dyDescent="0.15">
      <c r="C56" s="69" t="s">
        <v>348</v>
      </c>
      <c r="H56" s="72" t="s">
        <v>349</v>
      </c>
      <c r="I56" s="72">
        <v>78</v>
      </c>
    </row>
    <row r="57" spans="1:10" x14ac:dyDescent="0.15">
      <c r="C57" s="69" t="s">
        <v>276</v>
      </c>
      <c r="H57" s="72" t="s">
        <v>277</v>
      </c>
      <c r="I57" s="72">
        <v>80</v>
      </c>
    </row>
    <row r="58" spans="1:10" x14ac:dyDescent="0.15">
      <c r="H58" s="72"/>
    </row>
    <row r="59" spans="1:10" x14ac:dyDescent="0.15">
      <c r="H59" s="72"/>
    </row>
    <row r="60" spans="1:10" ht="24" x14ac:dyDescent="0.15">
      <c r="A60" s="261"/>
      <c r="B60" s="261"/>
      <c r="C60" s="261"/>
      <c r="D60" s="261"/>
      <c r="E60" s="261"/>
      <c r="F60" s="261"/>
      <c r="G60" s="261"/>
      <c r="H60" s="261"/>
      <c r="I60" s="261"/>
      <c r="J60" s="261"/>
    </row>
    <row r="61" spans="1:10" x14ac:dyDescent="0.15">
      <c r="H61" s="72"/>
    </row>
    <row r="62" spans="1:10" x14ac:dyDescent="0.15">
      <c r="H62" s="72"/>
    </row>
    <row r="63" spans="1:10" x14ac:dyDescent="0.15">
      <c r="H63" s="72"/>
    </row>
    <row r="64" spans="1:10" x14ac:dyDescent="0.15">
      <c r="I64" s="72" t="s">
        <v>192</v>
      </c>
    </row>
    <row r="65" spans="2:9" x14ac:dyDescent="0.15">
      <c r="B65" s="69" t="s">
        <v>198</v>
      </c>
    </row>
    <row r="66" spans="2:9" x14ac:dyDescent="0.15">
      <c r="C66" s="69" t="s">
        <v>186</v>
      </c>
      <c r="H66" s="72" t="s">
        <v>395</v>
      </c>
      <c r="I66" s="72">
        <v>86</v>
      </c>
    </row>
    <row r="67" spans="2:9" x14ac:dyDescent="0.15">
      <c r="C67" s="69" t="s">
        <v>188</v>
      </c>
      <c r="H67" s="72" t="s">
        <v>278</v>
      </c>
      <c r="I67" s="72">
        <v>87</v>
      </c>
    </row>
    <row r="68" spans="2:9" x14ac:dyDescent="0.15">
      <c r="C68" s="69" t="s">
        <v>189</v>
      </c>
      <c r="H68" s="72" t="s">
        <v>278</v>
      </c>
      <c r="I68" s="72">
        <v>88</v>
      </c>
    </row>
    <row r="69" spans="2:9" x14ac:dyDescent="0.15">
      <c r="C69" s="69" t="s">
        <v>187</v>
      </c>
      <c r="H69" s="72" t="s">
        <v>193</v>
      </c>
      <c r="I69" s="72">
        <v>89</v>
      </c>
    </row>
    <row r="70" spans="2:9" x14ac:dyDescent="0.15">
      <c r="C70" s="69" t="s">
        <v>348</v>
      </c>
      <c r="H70" s="72" t="s">
        <v>349</v>
      </c>
      <c r="I70" s="72">
        <v>90</v>
      </c>
    </row>
    <row r="71" spans="2:9" x14ac:dyDescent="0.15">
      <c r="C71" s="69" t="s">
        <v>276</v>
      </c>
      <c r="H71" s="72" t="s">
        <v>277</v>
      </c>
      <c r="I71" s="72">
        <v>92</v>
      </c>
    </row>
    <row r="72" spans="2:9" x14ac:dyDescent="0.15">
      <c r="H72" s="72"/>
    </row>
    <row r="74" spans="2:9" x14ac:dyDescent="0.15">
      <c r="B74" s="69" t="s">
        <v>199</v>
      </c>
    </row>
    <row r="75" spans="2:9" x14ac:dyDescent="0.15">
      <c r="C75" s="69" t="s">
        <v>186</v>
      </c>
      <c r="H75" s="72" t="s">
        <v>395</v>
      </c>
      <c r="I75" s="72">
        <v>100</v>
      </c>
    </row>
    <row r="76" spans="2:9" x14ac:dyDescent="0.15">
      <c r="C76" s="69" t="s">
        <v>188</v>
      </c>
      <c r="H76" s="72" t="s">
        <v>278</v>
      </c>
      <c r="I76" s="72">
        <v>101</v>
      </c>
    </row>
    <row r="77" spans="2:9" x14ac:dyDescent="0.15">
      <c r="C77" s="69" t="s">
        <v>189</v>
      </c>
      <c r="H77" s="72" t="s">
        <v>278</v>
      </c>
      <c r="I77" s="72">
        <v>102</v>
      </c>
    </row>
    <row r="78" spans="2:9" x14ac:dyDescent="0.15">
      <c r="C78" s="69" t="s">
        <v>187</v>
      </c>
      <c r="H78" s="72" t="s">
        <v>193</v>
      </c>
      <c r="I78" s="72">
        <v>103</v>
      </c>
    </row>
    <row r="79" spans="2:9" x14ac:dyDescent="0.15">
      <c r="C79" s="69" t="s">
        <v>348</v>
      </c>
      <c r="H79" s="72" t="s">
        <v>349</v>
      </c>
      <c r="I79" s="72">
        <v>104</v>
      </c>
    </row>
    <row r="80" spans="2:9" x14ac:dyDescent="0.15">
      <c r="C80" s="69" t="s">
        <v>276</v>
      </c>
      <c r="H80" s="72" t="s">
        <v>277</v>
      </c>
      <c r="I80" s="72">
        <v>106</v>
      </c>
    </row>
    <row r="81" spans="2:9" x14ac:dyDescent="0.15">
      <c r="H81" s="72"/>
    </row>
    <row r="83" spans="2:9" x14ac:dyDescent="0.15">
      <c r="B83" s="69" t="s">
        <v>200</v>
      </c>
    </row>
    <row r="84" spans="2:9" x14ac:dyDescent="0.15">
      <c r="C84" s="69" t="s">
        <v>186</v>
      </c>
      <c r="H84" s="72" t="s">
        <v>395</v>
      </c>
      <c r="I84" s="72">
        <v>112</v>
      </c>
    </row>
    <row r="85" spans="2:9" x14ac:dyDescent="0.15">
      <c r="C85" s="69" t="s">
        <v>188</v>
      </c>
      <c r="H85" s="72" t="s">
        <v>278</v>
      </c>
      <c r="I85" s="72">
        <v>113</v>
      </c>
    </row>
    <row r="86" spans="2:9" x14ac:dyDescent="0.15">
      <c r="C86" s="69" t="s">
        <v>189</v>
      </c>
      <c r="H86" s="72" t="s">
        <v>278</v>
      </c>
      <c r="I86" s="72">
        <v>114</v>
      </c>
    </row>
    <row r="87" spans="2:9" x14ac:dyDescent="0.15">
      <c r="C87" s="69" t="s">
        <v>187</v>
      </c>
      <c r="H87" s="72" t="s">
        <v>193</v>
      </c>
      <c r="I87" s="72">
        <v>115</v>
      </c>
    </row>
    <row r="88" spans="2:9" x14ac:dyDescent="0.15">
      <c r="C88" s="69" t="s">
        <v>348</v>
      </c>
      <c r="H88" s="72" t="s">
        <v>349</v>
      </c>
      <c r="I88" s="72">
        <v>116</v>
      </c>
    </row>
    <row r="89" spans="2:9" x14ac:dyDescent="0.15">
      <c r="C89" s="69" t="s">
        <v>276</v>
      </c>
      <c r="H89" s="72" t="s">
        <v>277</v>
      </c>
      <c r="I89" s="72">
        <v>118</v>
      </c>
    </row>
  </sheetData>
  <mergeCells count="2">
    <mergeCell ref="A1:J1"/>
    <mergeCell ref="A60:J60"/>
  </mergeCells>
  <phoneticPr fontId="11"/>
  <pageMargins left="0.7" right="0.7" top="0.75" bottom="0.75" header="0.3" footer="0.3"/>
  <pageSetup paperSize="9"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21</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17435538862</v>
      </c>
      <c r="J18" s="85">
        <v>0</v>
      </c>
      <c r="K18" s="85">
        <v>0</v>
      </c>
      <c r="L18" s="84">
        <v>17435538862</v>
      </c>
      <c r="M18" s="84">
        <v>7040617969</v>
      </c>
      <c r="N18" s="84">
        <v>180496920</v>
      </c>
      <c r="O18" s="84">
        <v>10394920893</v>
      </c>
    </row>
    <row r="19" spans="2:15" ht="21.95" customHeight="1" x14ac:dyDescent="0.15">
      <c r="B19" s="81"/>
      <c r="C19" s="82" t="s">
        <v>16</v>
      </c>
      <c r="D19" s="82"/>
      <c r="E19" s="82"/>
      <c r="F19" s="82"/>
      <c r="G19" s="82"/>
      <c r="H19" s="83"/>
      <c r="I19" s="84">
        <v>17435538862</v>
      </c>
      <c r="J19" s="85">
        <v>0</v>
      </c>
      <c r="K19" s="85">
        <v>0</v>
      </c>
      <c r="L19" s="84">
        <v>17435538862</v>
      </c>
      <c r="M19" s="84">
        <v>7040617969</v>
      </c>
      <c r="N19" s="84">
        <v>180496920</v>
      </c>
      <c r="O19" s="84">
        <v>10394920893</v>
      </c>
    </row>
    <row r="20" spans="2:15" ht="21.95" customHeight="1" x14ac:dyDescent="0.15">
      <c r="B20" s="81"/>
      <c r="C20" s="82"/>
      <c r="D20" s="82" t="s">
        <v>17</v>
      </c>
      <c r="E20" s="82"/>
      <c r="F20" s="82"/>
      <c r="G20" s="82"/>
      <c r="H20" s="83"/>
      <c r="I20" s="84">
        <v>8050071183</v>
      </c>
      <c r="J20" s="85">
        <v>0</v>
      </c>
      <c r="K20" s="85">
        <v>0</v>
      </c>
      <c r="L20" s="84">
        <v>8050071183</v>
      </c>
      <c r="M20" s="84">
        <v>0</v>
      </c>
      <c r="N20" s="84">
        <v>0</v>
      </c>
      <c r="O20" s="84">
        <v>8050071183</v>
      </c>
    </row>
    <row r="21" spans="2:15" ht="21.95" customHeight="1" x14ac:dyDescent="0.15">
      <c r="B21" s="81"/>
      <c r="C21" s="82"/>
      <c r="D21" s="82" t="s">
        <v>18</v>
      </c>
      <c r="E21" s="82"/>
      <c r="F21" s="82"/>
      <c r="G21" s="82"/>
      <c r="H21" s="83"/>
      <c r="I21" s="84">
        <v>8810405729</v>
      </c>
      <c r="J21" s="85">
        <v>0</v>
      </c>
      <c r="K21" s="85">
        <v>0</v>
      </c>
      <c r="L21" s="84">
        <v>8810405729</v>
      </c>
      <c r="M21" s="84">
        <v>6536071674</v>
      </c>
      <c r="N21" s="84">
        <v>176536152</v>
      </c>
      <c r="O21" s="84">
        <v>2274334055</v>
      </c>
    </row>
    <row r="22" spans="2:15" ht="21.75" customHeight="1" x14ac:dyDescent="0.15">
      <c r="B22" s="81"/>
      <c r="C22" s="82"/>
      <c r="D22" s="82" t="s">
        <v>19</v>
      </c>
      <c r="E22" s="82"/>
      <c r="F22" s="82"/>
      <c r="G22" s="82"/>
      <c r="H22" s="83"/>
      <c r="I22" s="84">
        <v>575061950</v>
      </c>
      <c r="J22" s="85">
        <v>0</v>
      </c>
      <c r="K22" s="85">
        <v>0</v>
      </c>
      <c r="L22" s="84">
        <v>575061950</v>
      </c>
      <c r="M22" s="84">
        <v>504546295</v>
      </c>
      <c r="N22" s="84">
        <v>3960768</v>
      </c>
      <c r="O22" s="84">
        <v>70515655</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41142500</v>
      </c>
      <c r="J38" s="85">
        <v>0</v>
      </c>
      <c r="K38" s="85">
        <v>0</v>
      </c>
      <c r="L38" s="84">
        <v>41142500</v>
      </c>
      <c r="M38" s="84">
        <v>40430404</v>
      </c>
      <c r="N38" s="84">
        <v>371520</v>
      </c>
      <c r="O38" s="84">
        <v>712096</v>
      </c>
    </row>
    <row r="39" spans="2:15" ht="21.95" customHeight="1" x14ac:dyDescent="0.15">
      <c r="B39" s="81" t="s">
        <v>31</v>
      </c>
      <c r="C39" s="82"/>
      <c r="D39" s="82"/>
      <c r="E39" s="82"/>
      <c r="F39" s="82"/>
      <c r="G39" s="82"/>
      <c r="H39" s="83"/>
      <c r="I39" s="84">
        <v>0</v>
      </c>
      <c r="J39" s="85">
        <v>0</v>
      </c>
      <c r="K39" s="85">
        <v>0</v>
      </c>
      <c r="L39" s="84">
        <v>0</v>
      </c>
      <c r="M39" s="84">
        <v>0</v>
      </c>
      <c r="N39" s="84">
        <v>0</v>
      </c>
      <c r="O39" s="84">
        <v>0</v>
      </c>
    </row>
    <row r="40" spans="2:15" ht="21.95" customHeight="1" x14ac:dyDescent="0.15">
      <c r="B40" s="189" t="s">
        <v>32</v>
      </c>
      <c r="C40" s="190"/>
      <c r="D40" s="190"/>
      <c r="E40" s="190"/>
      <c r="F40" s="190"/>
      <c r="G40" s="190"/>
      <c r="H40" s="191"/>
      <c r="I40" s="84">
        <v>24054000</v>
      </c>
      <c r="J40" s="85">
        <v>0</v>
      </c>
      <c r="K40" s="85">
        <v>0</v>
      </c>
      <c r="L40" s="84">
        <v>24054000</v>
      </c>
      <c r="M40" s="84">
        <v>24054000</v>
      </c>
      <c r="N40" s="84">
        <v>0</v>
      </c>
      <c r="O40" s="84">
        <v>0</v>
      </c>
    </row>
    <row r="41" spans="2:15" ht="21.95" customHeight="1" x14ac:dyDescent="0.15">
      <c r="B41" s="189" t="s">
        <v>33</v>
      </c>
      <c r="C41" s="190"/>
      <c r="D41" s="190"/>
      <c r="E41" s="190"/>
      <c r="F41" s="190"/>
      <c r="G41" s="190"/>
      <c r="H41" s="191"/>
      <c r="I41" s="84">
        <v>0</v>
      </c>
      <c r="J41" s="85">
        <v>0</v>
      </c>
      <c r="K41" s="85">
        <v>0</v>
      </c>
      <c r="L41" s="84">
        <v>0</v>
      </c>
      <c r="M41" s="84">
        <v>0</v>
      </c>
      <c r="N41" s="84">
        <v>0</v>
      </c>
      <c r="O41" s="84">
        <v>0</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17500735362</v>
      </c>
      <c r="J43" s="85">
        <v>0</v>
      </c>
      <c r="K43" s="85">
        <v>0</v>
      </c>
      <c r="L43" s="84">
        <v>17500735362</v>
      </c>
      <c r="M43" s="84">
        <v>7105102373</v>
      </c>
      <c r="N43" s="84">
        <v>180868440</v>
      </c>
      <c r="O43" s="84">
        <v>10395632989</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A1:K1"/>
    <mergeCell ref="A5:K5"/>
    <mergeCell ref="L5:P5"/>
    <mergeCell ref="B45:O45"/>
    <mergeCell ref="B12:K13"/>
    <mergeCell ref="L12:O13"/>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28" fitToWidth="2" orientation="portrait" useFirstPageNumber="1" r:id="rId1"/>
  <headerFooter>
    <oddFooter>&amp;C&amp;"ＭＳ Ｐ明朝,標準"&amp;20&amp;P</oddFooter>
  </headerFooter>
  <colBreaks count="1" manualBreakCount="1">
    <brk id="11" max="43" man="1"/>
  </colBreak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70" zoomScaleSheetLayoutView="100" workbookViewId="0"/>
  </sheetViews>
  <sheetFormatPr defaultColWidth="8.875" defaultRowHeight="18.75" x14ac:dyDescent="0.15"/>
  <cols>
    <col min="1" max="1" width="35.625" style="136" customWidth="1"/>
    <col min="2" max="7" width="3.5" style="136" customWidth="1"/>
    <col min="8" max="8" width="110.625" style="136" customWidth="1"/>
    <col min="9" max="12" width="32.625" style="136" customWidth="1"/>
    <col min="13" max="13" width="35.625" style="136" customWidth="1"/>
    <col min="14" max="14" width="23.625" style="136" customWidth="1"/>
    <col min="15" max="250" width="8.875" style="136"/>
    <col min="251" max="257" width="3.5" style="136" customWidth="1"/>
    <col min="258" max="258" width="15.625" style="136" customWidth="1"/>
    <col min="259" max="265" width="25.625" style="136" customWidth="1"/>
    <col min="266" max="506" width="8.875" style="136"/>
    <col min="507" max="513" width="3.5" style="136" customWidth="1"/>
    <col min="514" max="514" width="15.625" style="136" customWidth="1"/>
    <col min="515" max="521" width="25.625" style="136" customWidth="1"/>
    <col min="522" max="762" width="8.875" style="136"/>
    <col min="763" max="769" width="3.5" style="136" customWidth="1"/>
    <col min="770" max="770" width="15.625" style="136" customWidth="1"/>
    <col min="771" max="777" width="25.625" style="136" customWidth="1"/>
    <col min="778" max="1018" width="8.875" style="136"/>
    <col min="1019" max="1025" width="3.5" style="136" customWidth="1"/>
    <col min="1026" max="1026" width="15.625" style="136" customWidth="1"/>
    <col min="1027" max="1033" width="25.625" style="136" customWidth="1"/>
    <col min="1034" max="1274" width="8.875" style="136"/>
    <col min="1275" max="1281" width="3.5" style="136" customWidth="1"/>
    <col min="1282" max="1282" width="15.625" style="136" customWidth="1"/>
    <col min="1283" max="1289" width="25.625" style="136" customWidth="1"/>
    <col min="1290" max="1530" width="8.875" style="136"/>
    <col min="1531" max="1537" width="3.5" style="136" customWidth="1"/>
    <col min="1538" max="1538" width="15.625" style="136" customWidth="1"/>
    <col min="1539" max="1545" width="25.625" style="136" customWidth="1"/>
    <col min="1546" max="1786" width="8.875" style="136"/>
    <col min="1787" max="1793" width="3.5" style="136" customWidth="1"/>
    <col min="1794" max="1794" width="15.625" style="136" customWidth="1"/>
    <col min="1795" max="1801" width="25.625" style="136" customWidth="1"/>
    <col min="1802" max="2042" width="8.875" style="136"/>
    <col min="2043" max="2049" width="3.5" style="136" customWidth="1"/>
    <col min="2050" max="2050" width="15.625" style="136" customWidth="1"/>
    <col min="2051" max="2057" width="25.625" style="136" customWidth="1"/>
    <col min="2058" max="2298" width="8.875" style="136"/>
    <col min="2299" max="2305" width="3.5" style="136" customWidth="1"/>
    <col min="2306" max="2306" width="15.625" style="136" customWidth="1"/>
    <col min="2307" max="2313" width="25.625" style="136" customWidth="1"/>
    <col min="2314" max="2554" width="8.875" style="136"/>
    <col min="2555" max="2561" width="3.5" style="136" customWidth="1"/>
    <col min="2562" max="2562" width="15.625" style="136" customWidth="1"/>
    <col min="2563" max="2569" width="25.625" style="136" customWidth="1"/>
    <col min="2570" max="2810" width="8.875" style="136"/>
    <col min="2811" max="2817" width="3.5" style="136" customWidth="1"/>
    <col min="2818" max="2818" width="15.625" style="136" customWidth="1"/>
    <col min="2819" max="2825" width="25.625" style="136" customWidth="1"/>
    <col min="2826" max="3066" width="8.875" style="136"/>
    <col min="3067" max="3073" width="3.5" style="136" customWidth="1"/>
    <col min="3074" max="3074" width="15.625" style="136" customWidth="1"/>
    <col min="3075" max="3081" width="25.625" style="136" customWidth="1"/>
    <col min="3082" max="3322" width="8.875" style="136"/>
    <col min="3323" max="3329" width="3.5" style="136" customWidth="1"/>
    <col min="3330" max="3330" width="15.625" style="136" customWidth="1"/>
    <col min="3331" max="3337" width="25.625" style="136" customWidth="1"/>
    <col min="3338" max="3578" width="8.875" style="136"/>
    <col min="3579" max="3585" width="3.5" style="136" customWidth="1"/>
    <col min="3586" max="3586" width="15.625" style="136" customWidth="1"/>
    <col min="3587" max="3593" width="25.625" style="136" customWidth="1"/>
    <col min="3594" max="3834" width="8.875" style="136"/>
    <col min="3835" max="3841" width="3.5" style="136" customWidth="1"/>
    <col min="3842" max="3842" width="15.625" style="136" customWidth="1"/>
    <col min="3843" max="3849" width="25.625" style="136" customWidth="1"/>
    <col min="3850" max="4090" width="8.875" style="136"/>
    <col min="4091" max="4097" width="3.5" style="136" customWidth="1"/>
    <col min="4098" max="4098" width="15.625" style="136" customWidth="1"/>
    <col min="4099" max="4105" width="25.625" style="136" customWidth="1"/>
    <col min="4106" max="4346" width="8.875" style="136"/>
    <col min="4347" max="4353" width="3.5" style="136" customWidth="1"/>
    <col min="4354" max="4354" width="15.625" style="136" customWidth="1"/>
    <col min="4355" max="4361" width="25.625" style="136" customWidth="1"/>
    <col min="4362" max="4602" width="8.875" style="136"/>
    <col min="4603" max="4609" width="3.5" style="136" customWidth="1"/>
    <col min="4610" max="4610" width="15.625" style="136" customWidth="1"/>
    <col min="4611" max="4617" width="25.625" style="136" customWidth="1"/>
    <col min="4618" max="4858" width="8.875" style="136"/>
    <col min="4859" max="4865" width="3.5" style="136" customWidth="1"/>
    <col min="4866" max="4866" width="15.625" style="136" customWidth="1"/>
    <col min="4867" max="4873" width="25.625" style="136" customWidth="1"/>
    <col min="4874" max="5114" width="8.875" style="136"/>
    <col min="5115" max="5121" width="3.5" style="136" customWidth="1"/>
    <col min="5122" max="5122" width="15.625" style="136" customWidth="1"/>
    <col min="5123" max="5129" width="25.625" style="136" customWidth="1"/>
    <col min="5130" max="5370" width="8.875" style="136"/>
    <col min="5371" max="5377" width="3.5" style="136" customWidth="1"/>
    <col min="5378" max="5378" width="15.625" style="136" customWidth="1"/>
    <col min="5379" max="5385" width="25.625" style="136" customWidth="1"/>
    <col min="5386" max="5626" width="8.875" style="136"/>
    <col min="5627" max="5633" width="3.5" style="136" customWidth="1"/>
    <col min="5634" max="5634" width="15.625" style="136" customWidth="1"/>
    <col min="5635" max="5641" width="25.625" style="136" customWidth="1"/>
    <col min="5642" max="5882" width="8.875" style="136"/>
    <col min="5883" max="5889" width="3.5" style="136" customWidth="1"/>
    <col min="5890" max="5890" width="15.625" style="136" customWidth="1"/>
    <col min="5891" max="5897" width="25.625" style="136" customWidth="1"/>
    <col min="5898" max="6138" width="8.875" style="136"/>
    <col min="6139" max="6145" width="3.5" style="136" customWidth="1"/>
    <col min="6146" max="6146" width="15.625" style="136" customWidth="1"/>
    <col min="6147" max="6153" width="25.625" style="136" customWidth="1"/>
    <col min="6154" max="6394" width="8.875" style="136"/>
    <col min="6395" max="6401" width="3.5" style="136" customWidth="1"/>
    <col min="6402" max="6402" width="15.625" style="136" customWidth="1"/>
    <col min="6403" max="6409" width="25.625" style="136" customWidth="1"/>
    <col min="6410" max="6650" width="8.875" style="136"/>
    <col min="6651" max="6657" width="3.5" style="136" customWidth="1"/>
    <col min="6658" max="6658" width="15.625" style="136" customWidth="1"/>
    <col min="6659" max="6665" width="25.625" style="136" customWidth="1"/>
    <col min="6666" max="6906" width="8.875" style="136"/>
    <col min="6907" max="6913" width="3.5" style="136" customWidth="1"/>
    <col min="6914" max="6914" width="15.625" style="136" customWidth="1"/>
    <col min="6915" max="6921" width="25.625" style="136" customWidth="1"/>
    <col min="6922" max="7162" width="8.875" style="136"/>
    <col min="7163" max="7169" width="3.5" style="136" customWidth="1"/>
    <col min="7170" max="7170" width="15.625" style="136" customWidth="1"/>
    <col min="7171" max="7177" width="25.625" style="136" customWidth="1"/>
    <col min="7178" max="7418" width="8.875" style="136"/>
    <col min="7419" max="7425" width="3.5" style="136" customWidth="1"/>
    <col min="7426" max="7426" width="15.625" style="136" customWidth="1"/>
    <col min="7427" max="7433" width="25.625" style="136" customWidth="1"/>
    <col min="7434" max="7674" width="8.875" style="136"/>
    <col min="7675" max="7681" width="3.5" style="136" customWidth="1"/>
    <col min="7682" max="7682" width="15.625" style="136" customWidth="1"/>
    <col min="7683" max="7689" width="25.625" style="136" customWidth="1"/>
    <col min="7690" max="7930" width="8.875" style="136"/>
    <col min="7931" max="7937" width="3.5" style="136" customWidth="1"/>
    <col min="7938" max="7938" width="15.625" style="136" customWidth="1"/>
    <col min="7939" max="7945" width="25.625" style="136" customWidth="1"/>
    <col min="7946" max="8186" width="8.875" style="136"/>
    <col min="8187" max="8193" width="3.5" style="136" customWidth="1"/>
    <col min="8194" max="8194" width="15.625" style="136" customWidth="1"/>
    <col min="8195" max="8201" width="25.625" style="136" customWidth="1"/>
    <col min="8202" max="8442" width="8.875" style="136"/>
    <col min="8443" max="8449" width="3.5" style="136" customWidth="1"/>
    <col min="8450" max="8450" width="15.625" style="136" customWidth="1"/>
    <col min="8451" max="8457" width="25.625" style="136" customWidth="1"/>
    <col min="8458" max="8698" width="8.875" style="136"/>
    <col min="8699" max="8705" width="3.5" style="136" customWidth="1"/>
    <col min="8706" max="8706" width="15.625" style="136" customWidth="1"/>
    <col min="8707" max="8713" width="25.625" style="136" customWidth="1"/>
    <col min="8714" max="8954" width="8.875" style="136"/>
    <col min="8955" max="8961" width="3.5" style="136" customWidth="1"/>
    <col min="8962" max="8962" width="15.625" style="136" customWidth="1"/>
    <col min="8963" max="8969" width="25.625" style="136" customWidth="1"/>
    <col min="8970" max="9210" width="8.875" style="136"/>
    <col min="9211" max="9217" width="3.5" style="136" customWidth="1"/>
    <col min="9218" max="9218" width="15.625" style="136" customWidth="1"/>
    <col min="9219" max="9225" width="25.625" style="136" customWidth="1"/>
    <col min="9226" max="9466" width="8.875" style="136"/>
    <col min="9467" max="9473" width="3.5" style="136" customWidth="1"/>
    <col min="9474" max="9474" width="15.625" style="136" customWidth="1"/>
    <col min="9475" max="9481" width="25.625" style="136" customWidth="1"/>
    <col min="9482" max="9722" width="8.875" style="136"/>
    <col min="9723" max="9729" width="3.5" style="136" customWidth="1"/>
    <col min="9730" max="9730" width="15.625" style="136" customWidth="1"/>
    <col min="9731" max="9737" width="25.625" style="136" customWidth="1"/>
    <col min="9738" max="9978" width="8.875" style="136"/>
    <col min="9979" max="9985" width="3.5" style="136" customWidth="1"/>
    <col min="9986" max="9986" width="15.625" style="136" customWidth="1"/>
    <col min="9987" max="9993" width="25.625" style="136" customWidth="1"/>
    <col min="9994" max="10234" width="8.875" style="136"/>
    <col min="10235" max="10241" width="3.5" style="136" customWidth="1"/>
    <col min="10242" max="10242" width="15.625" style="136" customWidth="1"/>
    <col min="10243" max="10249" width="25.625" style="136" customWidth="1"/>
    <col min="10250" max="10490" width="8.875" style="136"/>
    <col min="10491" max="10497" width="3.5" style="136" customWidth="1"/>
    <col min="10498" max="10498" width="15.625" style="136" customWidth="1"/>
    <col min="10499" max="10505" width="25.625" style="136" customWidth="1"/>
    <col min="10506" max="10746" width="8.875" style="136"/>
    <col min="10747" max="10753" width="3.5" style="136" customWidth="1"/>
    <col min="10754" max="10754" width="15.625" style="136" customWidth="1"/>
    <col min="10755" max="10761" width="25.625" style="136" customWidth="1"/>
    <col min="10762" max="11002" width="8.875" style="136"/>
    <col min="11003" max="11009" width="3.5" style="136" customWidth="1"/>
    <col min="11010" max="11010" width="15.625" style="136" customWidth="1"/>
    <col min="11011" max="11017" width="25.625" style="136" customWidth="1"/>
    <col min="11018" max="11258" width="8.875" style="136"/>
    <col min="11259" max="11265" width="3.5" style="136" customWidth="1"/>
    <col min="11266" max="11266" width="15.625" style="136" customWidth="1"/>
    <col min="11267" max="11273" width="25.625" style="136" customWidth="1"/>
    <col min="11274" max="11514" width="8.875" style="136"/>
    <col min="11515" max="11521" width="3.5" style="136" customWidth="1"/>
    <col min="11522" max="11522" width="15.625" style="136" customWidth="1"/>
    <col min="11523" max="11529" width="25.625" style="136" customWidth="1"/>
    <col min="11530" max="11770" width="8.875" style="136"/>
    <col min="11771" max="11777" width="3.5" style="136" customWidth="1"/>
    <col min="11778" max="11778" width="15.625" style="136" customWidth="1"/>
    <col min="11779" max="11785" width="25.625" style="136" customWidth="1"/>
    <col min="11786" max="12026" width="8.875" style="136"/>
    <col min="12027" max="12033" width="3.5" style="136" customWidth="1"/>
    <col min="12034" max="12034" width="15.625" style="136" customWidth="1"/>
    <col min="12035" max="12041" width="25.625" style="136" customWidth="1"/>
    <col min="12042" max="12282" width="8.875" style="136"/>
    <col min="12283" max="12289" width="3.5" style="136" customWidth="1"/>
    <col min="12290" max="12290" width="15.625" style="136" customWidth="1"/>
    <col min="12291" max="12297" width="25.625" style="136" customWidth="1"/>
    <col min="12298" max="12538" width="8.875" style="136"/>
    <col min="12539" max="12545" width="3.5" style="136" customWidth="1"/>
    <col min="12546" max="12546" width="15.625" style="136" customWidth="1"/>
    <col min="12547" max="12553" width="25.625" style="136" customWidth="1"/>
    <col min="12554" max="12794" width="8.875" style="136"/>
    <col min="12795" max="12801" width="3.5" style="136" customWidth="1"/>
    <col min="12802" max="12802" width="15.625" style="136" customWidth="1"/>
    <col min="12803" max="12809" width="25.625" style="136" customWidth="1"/>
    <col min="12810" max="13050" width="8.875" style="136"/>
    <col min="13051" max="13057" width="3.5" style="136" customWidth="1"/>
    <col min="13058" max="13058" width="15.625" style="136" customWidth="1"/>
    <col min="13059" max="13065" width="25.625" style="136" customWidth="1"/>
    <col min="13066" max="13306" width="8.875" style="136"/>
    <col min="13307" max="13313" width="3.5" style="136" customWidth="1"/>
    <col min="13314" max="13314" width="15.625" style="136" customWidth="1"/>
    <col min="13315" max="13321" width="25.625" style="136" customWidth="1"/>
    <col min="13322" max="13562" width="8.875" style="136"/>
    <col min="13563" max="13569" width="3.5" style="136" customWidth="1"/>
    <col min="13570" max="13570" width="15.625" style="136" customWidth="1"/>
    <col min="13571" max="13577" width="25.625" style="136" customWidth="1"/>
    <col min="13578" max="13818" width="8.875" style="136"/>
    <col min="13819" max="13825" width="3.5" style="136" customWidth="1"/>
    <col min="13826" max="13826" width="15.625" style="136" customWidth="1"/>
    <col min="13827" max="13833" width="25.625" style="136" customWidth="1"/>
    <col min="13834" max="14074" width="8.875" style="136"/>
    <col min="14075" max="14081" width="3.5" style="136" customWidth="1"/>
    <col min="14082" max="14082" width="15.625" style="136" customWidth="1"/>
    <col min="14083" max="14089" width="25.625" style="136" customWidth="1"/>
    <col min="14090" max="14330" width="8.875" style="136"/>
    <col min="14331" max="14337" width="3.5" style="136" customWidth="1"/>
    <col min="14338" max="14338" width="15.625" style="136" customWidth="1"/>
    <col min="14339" max="14345" width="25.625" style="136" customWidth="1"/>
    <col min="14346" max="14586" width="8.875" style="136"/>
    <col min="14587" max="14593" width="3.5" style="136" customWidth="1"/>
    <col min="14594" max="14594" width="15.625" style="136" customWidth="1"/>
    <col min="14595" max="14601" width="25.625" style="136" customWidth="1"/>
    <col min="14602" max="14842" width="8.875" style="136"/>
    <col min="14843" max="14849" width="3.5" style="136" customWidth="1"/>
    <col min="14850" max="14850" width="15.625" style="136" customWidth="1"/>
    <col min="14851" max="14857" width="25.625" style="136" customWidth="1"/>
    <col min="14858" max="15098" width="8.875" style="136"/>
    <col min="15099" max="15105" width="3.5" style="136" customWidth="1"/>
    <col min="15106" max="15106" width="15.625" style="136" customWidth="1"/>
    <col min="15107" max="15113" width="25.625" style="136" customWidth="1"/>
    <col min="15114" max="15354" width="8.875" style="136"/>
    <col min="15355" max="15361" width="3.5" style="136" customWidth="1"/>
    <col min="15362" max="15362" width="15.625" style="136" customWidth="1"/>
    <col min="15363" max="15369" width="25.625" style="136" customWidth="1"/>
    <col min="15370" max="15610" width="8.875" style="136"/>
    <col min="15611" max="15617" width="3.5" style="136" customWidth="1"/>
    <col min="15618" max="15618" width="15.625" style="136" customWidth="1"/>
    <col min="15619" max="15625" width="25.625" style="136" customWidth="1"/>
    <col min="15626" max="15866" width="8.875" style="136"/>
    <col min="15867" max="15873" width="3.5" style="136" customWidth="1"/>
    <col min="15874" max="15874" width="15.625" style="136" customWidth="1"/>
    <col min="15875" max="15881" width="25.625" style="136" customWidth="1"/>
    <col min="15882" max="16122" width="8.875" style="136"/>
    <col min="16123" max="16129" width="3.5" style="136" customWidth="1"/>
    <col min="16130" max="16130" width="15.625" style="136" customWidth="1"/>
    <col min="16131" max="16137" width="25.625" style="136" customWidth="1"/>
    <col min="16138" max="16384" width="8.875" style="136"/>
  </cols>
  <sheetData>
    <row r="1" spans="1:18" s="102" customFormat="1" ht="22.5" customHeight="1" x14ac:dyDescent="0.15">
      <c r="A1" s="160" t="s">
        <v>521</v>
      </c>
      <c r="B1" s="160"/>
      <c r="C1" s="160"/>
      <c r="D1" s="160"/>
      <c r="E1" s="160"/>
      <c r="F1" s="160"/>
      <c r="G1" s="160"/>
      <c r="H1" s="160"/>
      <c r="I1" s="160"/>
      <c r="J1" s="160"/>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283</v>
      </c>
      <c r="B5" s="304"/>
      <c r="C5" s="304"/>
      <c r="D5" s="304"/>
      <c r="E5" s="304"/>
      <c r="F5" s="304"/>
      <c r="G5" s="304"/>
      <c r="H5" s="304"/>
      <c r="I5" s="305" t="s">
        <v>284</v>
      </c>
      <c r="J5" s="305"/>
      <c r="K5" s="305"/>
      <c r="L5" s="305"/>
      <c r="M5" s="305"/>
      <c r="N5" s="159"/>
      <c r="O5" s="159"/>
      <c r="P5" s="159"/>
      <c r="Q5" s="159"/>
      <c r="R5" s="159"/>
    </row>
    <row r="6" spans="1:18" s="148" customFormat="1" ht="21.95" customHeight="1" x14ac:dyDescent="0.15">
      <c r="A6" s="237"/>
      <c r="B6" s="237"/>
      <c r="C6" s="237"/>
      <c r="D6" s="237"/>
      <c r="E6" s="237"/>
      <c r="F6" s="237"/>
      <c r="G6" s="237"/>
      <c r="H6" s="237"/>
      <c r="I6" s="238"/>
      <c r="J6" s="238"/>
      <c r="K6" s="238"/>
      <c r="L6" s="238"/>
      <c r="M6" s="238"/>
      <c r="N6" s="159"/>
      <c r="O6" s="159"/>
      <c r="P6" s="159"/>
      <c r="Q6" s="159"/>
      <c r="R6" s="159"/>
    </row>
    <row r="7" spans="1:18" ht="18.75" customHeight="1" x14ac:dyDescent="0.15">
      <c r="L7" s="94" t="s">
        <v>219</v>
      </c>
    </row>
    <row r="8" spans="1:18" ht="21.75" customHeight="1" x14ac:dyDescent="0.15">
      <c r="B8" s="309" t="s">
        <v>262</v>
      </c>
      <c r="C8" s="310"/>
      <c r="D8" s="310"/>
      <c r="E8" s="310"/>
      <c r="F8" s="310"/>
      <c r="G8" s="310"/>
      <c r="H8" s="311"/>
      <c r="I8" s="334" t="s">
        <v>263</v>
      </c>
      <c r="J8" s="335"/>
      <c r="K8" s="306" t="s">
        <v>264</v>
      </c>
      <c r="L8" s="308"/>
    </row>
    <row r="9" spans="1:18" ht="21.95" customHeight="1" x14ac:dyDescent="0.15">
      <c r="B9" s="312"/>
      <c r="C9" s="313"/>
      <c r="D9" s="313"/>
      <c r="E9" s="313"/>
      <c r="F9" s="313"/>
      <c r="G9" s="313"/>
      <c r="H9" s="314"/>
      <c r="I9" s="221" t="s">
        <v>237</v>
      </c>
      <c r="J9" s="221" t="s">
        <v>266</v>
      </c>
      <c r="K9" s="221" t="s">
        <v>237</v>
      </c>
      <c r="L9" s="221" t="s">
        <v>266</v>
      </c>
    </row>
    <row r="10" spans="1:18" ht="21.75" customHeight="1" x14ac:dyDescent="0.15">
      <c r="B10" s="319" t="s">
        <v>388</v>
      </c>
      <c r="C10" s="320"/>
      <c r="D10" s="320"/>
      <c r="E10" s="320"/>
      <c r="F10" s="320"/>
      <c r="G10" s="320"/>
      <c r="H10" s="321"/>
      <c r="I10" s="146">
        <v>0</v>
      </c>
      <c r="J10" s="146">
        <v>0</v>
      </c>
      <c r="K10" s="146">
        <v>60000000</v>
      </c>
      <c r="L10" s="146">
        <v>0</v>
      </c>
    </row>
    <row r="11" spans="1:18" ht="21.95" customHeight="1" x14ac:dyDescent="0.15">
      <c r="B11" s="306" t="s">
        <v>232</v>
      </c>
      <c r="C11" s="307"/>
      <c r="D11" s="307"/>
      <c r="E11" s="307"/>
      <c r="F11" s="307"/>
      <c r="G11" s="307"/>
      <c r="H11" s="308"/>
      <c r="I11" s="146">
        <f>SUM(I10:I10)</f>
        <v>0</v>
      </c>
      <c r="J11" s="146">
        <f>SUM(J10:J10)</f>
        <v>0</v>
      </c>
      <c r="K11" s="146">
        <f>SUM(K10:K10)</f>
        <v>60000000</v>
      </c>
      <c r="L11" s="146">
        <f>SUM(L10:L10)</f>
        <v>0</v>
      </c>
    </row>
    <row r="12" spans="1:18" ht="12" customHeight="1" x14ac:dyDescent="0.15"/>
    <row r="14" spans="1:18" x14ac:dyDescent="0.15">
      <c r="I14" s="105"/>
      <c r="J14" s="105"/>
      <c r="K14" s="105"/>
      <c r="L14" s="105"/>
    </row>
    <row r="32" spans="3:6" x14ac:dyDescent="0.15">
      <c r="C32" s="111"/>
      <c r="D32" s="111"/>
      <c r="E32" s="111"/>
      <c r="F32" s="111"/>
    </row>
    <row r="33" spans="3:6" x14ac:dyDescent="0.15">
      <c r="C33" s="111"/>
      <c r="D33" s="111"/>
      <c r="E33" s="111"/>
      <c r="F33" s="111"/>
    </row>
    <row r="34" spans="3:6" x14ac:dyDescent="0.15">
      <c r="C34" s="111"/>
      <c r="D34" s="111"/>
      <c r="E34" s="111"/>
      <c r="F34" s="111"/>
    </row>
    <row r="35" spans="3:6" x14ac:dyDescent="0.15">
      <c r="C35" s="111"/>
      <c r="D35" s="111"/>
      <c r="E35" s="111"/>
      <c r="F35" s="111"/>
    </row>
  </sheetData>
  <mergeCells count="7">
    <mergeCell ref="B11:H11"/>
    <mergeCell ref="A5:H5"/>
    <mergeCell ref="I5:M5"/>
    <mergeCell ref="B8:H9"/>
    <mergeCell ref="I8:J8"/>
    <mergeCell ref="K8:L8"/>
    <mergeCell ref="B10:H10"/>
  </mergeCells>
  <phoneticPr fontId="24"/>
  <printOptions horizontalCentered="1"/>
  <pageMargins left="0.19685039370078741" right="0.19685039370078741" top="0.31496062992125984" bottom="0.19685039370078741" header="0.11811023622047245" footer="0.11811023622047245"/>
  <pageSetup paperSize="9" scale="58" firstPageNumber="30" fitToWidth="2" fitToHeight="0" orientation="portrait" useFirstPageNumber="1" r:id="rId1"/>
  <headerFooter alignWithMargins="0">
    <oddFooter>&amp;C&amp;"ＭＳ Ｐ明朝,標準"&amp;20&amp;P</oddFooter>
  </headerFooter>
  <colBreaks count="2" manualBreakCount="2">
    <brk id="8" max="48" man="1"/>
    <brk id="13" min="6" max="36"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21</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0</v>
      </c>
      <c r="J10" s="146">
        <v>0</v>
      </c>
      <c r="K10" s="146">
        <v>0</v>
      </c>
      <c r="L10" s="146">
        <v>0</v>
      </c>
      <c r="M10" s="146">
        <v>0</v>
      </c>
      <c r="N10" s="91">
        <v>0</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52900030</v>
      </c>
      <c r="J16" s="146">
        <v>55844022</v>
      </c>
      <c r="K16" s="146">
        <v>52900030</v>
      </c>
      <c r="L16" s="146">
        <v>0</v>
      </c>
      <c r="M16" s="146">
        <v>52900030</v>
      </c>
      <c r="N16" s="91">
        <v>55844022</v>
      </c>
    </row>
    <row r="17" spans="2:14" ht="22.5" customHeight="1" x14ac:dyDescent="0.15">
      <c r="B17" s="336" t="s">
        <v>56</v>
      </c>
      <c r="C17" s="336"/>
      <c r="D17" s="336"/>
      <c r="E17" s="336"/>
      <c r="F17" s="336"/>
      <c r="G17" s="336"/>
      <c r="H17" s="336"/>
      <c r="I17" s="91">
        <v>568412552</v>
      </c>
      <c r="J17" s="146">
        <v>0</v>
      </c>
      <c r="K17" s="146">
        <v>0</v>
      </c>
      <c r="L17" s="146">
        <v>22933398</v>
      </c>
      <c r="M17" s="146">
        <v>22933398</v>
      </c>
      <c r="N17" s="91">
        <v>545479154</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621312582</v>
      </c>
      <c r="J19" s="146">
        <v>55844022</v>
      </c>
      <c r="K19" s="146">
        <v>52900030</v>
      </c>
      <c r="L19" s="146">
        <v>22933398</v>
      </c>
      <c r="M19" s="146">
        <v>75833428</v>
      </c>
      <c r="N19" s="91">
        <v>601323176</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32" fitToWidth="2" fitToHeight="0" orientation="portrait" useFirstPageNumber="1" r:id="rId1"/>
  <headerFooter>
    <oddFooter>&amp;C&amp;"ＭＳ Ｐ明朝,標準"&amp;20&amp;P</oddFooter>
  </headerFooter>
  <colBreaks count="1" manualBreakCount="1">
    <brk id="10" max="18"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3" t="s">
        <v>180</v>
      </c>
      <c r="B17" s="263"/>
      <c r="C17" s="263"/>
      <c r="D17" s="263"/>
      <c r="E17" s="263"/>
      <c r="F17" s="263"/>
      <c r="G17" s="263"/>
      <c r="H17" s="263"/>
      <c r="I17" s="263"/>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22</v>
      </c>
      <c r="B1" s="266"/>
      <c r="C1" s="266"/>
      <c r="D1" s="266"/>
      <c r="E1" s="266"/>
      <c r="F1" s="266"/>
      <c r="G1" s="266"/>
      <c r="H1" s="165"/>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209643025</v>
      </c>
      <c r="J10" s="23"/>
      <c r="K10" s="21"/>
      <c r="L10" s="15" t="s">
        <v>43</v>
      </c>
      <c r="M10" s="13"/>
      <c r="N10" s="13"/>
      <c r="O10" s="13"/>
      <c r="P10" s="13"/>
      <c r="Q10" s="13"/>
      <c r="R10" s="14">
        <v>1566504</v>
      </c>
      <c r="S10" s="54"/>
      <c r="T10" s="2"/>
    </row>
    <row r="11" spans="1:20" ht="22.5" customHeight="1" x14ac:dyDescent="0.15">
      <c r="B11" s="21"/>
      <c r="C11" s="13"/>
      <c r="D11" s="13" t="s">
        <v>4</v>
      </c>
      <c r="E11" s="13"/>
      <c r="F11" s="13"/>
      <c r="G11" s="13"/>
      <c r="H11" s="13"/>
      <c r="I11" s="14">
        <v>209643025</v>
      </c>
      <c r="J11" s="23"/>
      <c r="K11" s="21"/>
      <c r="L11" s="13"/>
      <c r="M11" s="13" t="s">
        <v>44</v>
      </c>
      <c r="N11" s="13"/>
      <c r="O11" s="13"/>
      <c r="P11" s="13"/>
      <c r="Q11" s="13"/>
      <c r="R11" s="14">
        <v>0</v>
      </c>
      <c r="S11" s="54"/>
      <c r="T11" s="2"/>
    </row>
    <row r="12" spans="1:20" ht="22.5" customHeight="1" x14ac:dyDescent="0.15">
      <c r="B12" s="21"/>
      <c r="C12" s="13"/>
      <c r="D12" s="13"/>
      <c r="E12" s="13" t="s">
        <v>5</v>
      </c>
      <c r="F12" s="13"/>
      <c r="G12" s="13"/>
      <c r="H12" s="13"/>
      <c r="I12" s="14">
        <v>209643025</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432900</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432900</v>
      </c>
      <c r="J15" s="23"/>
      <c r="K15" s="21"/>
      <c r="L15" s="13"/>
      <c r="M15" s="13" t="s">
        <v>48</v>
      </c>
      <c r="N15" s="13"/>
      <c r="O15" s="13"/>
      <c r="P15" s="13"/>
      <c r="Q15" s="13"/>
      <c r="R15" s="14">
        <v>1566504</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24215021</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17474582</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28534482297</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28524871266</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28524871266</v>
      </c>
      <c r="J25" s="23"/>
      <c r="K25" s="21"/>
      <c r="L25" s="13"/>
      <c r="M25" s="13" t="s">
        <v>56</v>
      </c>
      <c r="N25" s="13"/>
      <c r="O25" s="13"/>
      <c r="P25" s="13"/>
      <c r="Q25" s="13"/>
      <c r="R25" s="14">
        <v>6740439</v>
      </c>
      <c r="S25" s="54"/>
      <c r="T25" s="2"/>
    </row>
    <row r="26" spans="2:20" ht="22.5" customHeight="1" x14ac:dyDescent="0.15">
      <c r="B26" s="21"/>
      <c r="C26" s="247"/>
      <c r="D26" s="247"/>
      <c r="E26" s="247"/>
      <c r="F26" s="247" t="s">
        <v>17</v>
      </c>
      <c r="G26" s="13"/>
      <c r="H26" s="13"/>
      <c r="I26" s="14">
        <v>369103586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24608910781</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224924625</v>
      </c>
      <c r="J28" s="23"/>
      <c r="K28" s="21"/>
      <c r="L28" s="13"/>
      <c r="M28" s="13" t="s">
        <v>51</v>
      </c>
      <c r="N28" s="13"/>
      <c r="O28" s="13"/>
      <c r="P28" s="13"/>
      <c r="Q28" s="13"/>
      <c r="R28" s="16">
        <v>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25781525</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28718343797</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9611031</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0</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28718343797</v>
      </c>
      <c r="S60" s="52"/>
      <c r="T60" s="2"/>
    </row>
    <row r="61" spans="2:20" ht="22.5" customHeight="1" x14ac:dyDescent="0.15">
      <c r="B61" s="45" t="s">
        <v>65</v>
      </c>
      <c r="C61" s="46"/>
      <c r="D61" s="47"/>
      <c r="E61" s="47"/>
      <c r="F61" s="47"/>
      <c r="G61" s="47"/>
      <c r="H61" s="47"/>
      <c r="I61" s="48">
        <v>28744125322</v>
      </c>
      <c r="J61" s="49"/>
      <c r="K61" s="45" t="s">
        <v>67</v>
      </c>
      <c r="L61" s="47"/>
      <c r="M61" s="47"/>
      <c r="N61" s="47"/>
      <c r="O61" s="47"/>
      <c r="P61" s="47"/>
      <c r="Q61" s="47"/>
      <c r="R61" s="48">
        <v>28744125322</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A1:G1"/>
    <mergeCell ref="B5:S5"/>
    <mergeCell ref="B6:S6"/>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36" orientation="portrait" blackAndWhite="1" useFirstPageNumber="1" r:id="rId1"/>
  <headerFooter>
    <oddFooter>&amp;C&amp;"ＭＳ Ｐ明朝,標準"&amp;20&amp;P</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522</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2667147736</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0</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308727935</v>
      </c>
      <c r="J17" s="61"/>
      <c r="L17" s="13"/>
    </row>
    <row r="18" spans="2:12" ht="22.5" customHeight="1" x14ac:dyDescent="0.15">
      <c r="B18" s="60"/>
      <c r="C18" s="28" t="s">
        <v>77</v>
      </c>
      <c r="D18" s="28"/>
      <c r="E18" s="28"/>
      <c r="F18" s="28"/>
      <c r="G18" s="28"/>
      <c r="H18" s="29"/>
      <c r="I18" s="14">
        <v>0</v>
      </c>
      <c r="J18" s="61"/>
      <c r="L18" s="13"/>
    </row>
    <row r="19" spans="2:12" ht="22.5" customHeight="1" x14ac:dyDescent="0.15">
      <c r="B19" s="60"/>
      <c r="C19" s="28" t="s">
        <v>78</v>
      </c>
      <c r="D19" s="28"/>
      <c r="E19" s="28"/>
      <c r="F19" s="28"/>
      <c r="G19" s="28"/>
      <c r="H19" s="29"/>
      <c r="I19" s="14">
        <v>0</v>
      </c>
      <c r="J19" s="61"/>
      <c r="L19" s="13"/>
    </row>
    <row r="20" spans="2:12" ht="22.5" customHeight="1" x14ac:dyDescent="0.15">
      <c r="B20" s="60"/>
      <c r="C20" s="28"/>
      <c r="D20" s="28" t="s">
        <v>79</v>
      </c>
      <c r="E20" s="28"/>
      <c r="F20" s="28"/>
      <c r="G20" s="28"/>
      <c r="H20" s="29"/>
      <c r="I20" s="14">
        <v>0</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0</v>
      </c>
      <c r="J24" s="61"/>
      <c r="L24" s="13"/>
    </row>
    <row r="25" spans="2:12" ht="22.5" customHeight="1" x14ac:dyDescent="0.15">
      <c r="B25" s="251"/>
      <c r="C25" s="252" t="s">
        <v>84</v>
      </c>
      <c r="D25" s="252"/>
      <c r="E25" s="252"/>
      <c r="F25" s="62"/>
      <c r="G25" s="62"/>
      <c r="H25" s="63"/>
      <c r="I25" s="64">
        <v>2358419801</v>
      </c>
      <c r="J25" s="65"/>
      <c r="L25" s="13"/>
    </row>
    <row r="26" spans="2:12" ht="22.5" customHeight="1" x14ac:dyDescent="0.15">
      <c r="B26" s="249" t="s">
        <v>85</v>
      </c>
      <c r="C26" s="250"/>
      <c r="D26" s="250"/>
      <c r="E26" s="250"/>
      <c r="F26" s="28"/>
      <c r="G26" s="28"/>
      <c r="H26" s="29"/>
      <c r="I26" s="16">
        <v>3732311979</v>
      </c>
      <c r="J26" s="61"/>
      <c r="L26" s="13"/>
    </row>
    <row r="27" spans="2:12" ht="22.5" customHeight="1" x14ac:dyDescent="0.15">
      <c r="B27" s="249"/>
      <c r="C27" s="250" t="s">
        <v>86</v>
      </c>
      <c r="D27" s="250"/>
      <c r="E27" s="250"/>
      <c r="F27" s="28"/>
      <c r="G27" s="28"/>
      <c r="H27" s="29"/>
      <c r="I27" s="14">
        <v>22833362</v>
      </c>
      <c r="J27" s="66"/>
      <c r="L27" s="13"/>
    </row>
    <row r="28" spans="2:12" ht="22.5" customHeight="1" x14ac:dyDescent="0.15">
      <c r="B28" s="60"/>
      <c r="C28" s="28" t="s">
        <v>87</v>
      </c>
      <c r="D28" s="28"/>
      <c r="E28" s="28"/>
      <c r="F28" s="28"/>
      <c r="G28" s="28"/>
      <c r="H28" s="29"/>
      <c r="I28" s="14">
        <v>1522178</v>
      </c>
      <c r="J28" s="66"/>
      <c r="L28" s="13"/>
    </row>
    <row r="29" spans="2:12" ht="22.5" customHeight="1" x14ac:dyDescent="0.15">
      <c r="B29" s="60"/>
      <c r="C29" s="28" t="s">
        <v>88</v>
      </c>
      <c r="D29" s="28"/>
      <c r="E29" s="28"/>
      <c r="F29" s="28"/>
      <c r="G29" s="28"/>
      <c r="H29" s="29"/>
      <c r="I29" s="14">
        <v>2310420</v>
      </c>
      <c r="J29" s="66"/>
      <c r="L29" s="13"/>
    </row>
    <row r="30" spans="2:12" ht="22.5" customHeight="1" x14ac:dyDescent="0.15">
      <c r="B30" s="60"/>
      <c r="C30" s="28" t="s">
        <v>89</v>
      </c>
      <c r="D30" s="28"/>
      <c r="E30" s="28"/>
      <c r="F30" s="28"/>
      <c r="G30" s="28"/>
      <c r="H30" s="29"/>
      <c r="I30" s="14">
        <v>7589276</v>
      </c>
      <c r="J30" s="66"/>
      <c r="L30" s="13"/>
    </row>
    <row r="31" spans="2:12" ht="22.5" customHeight="1" x14ac:dyDescent="0.15">
      <c r="B31" s="60"/>
      <c r="C31" s="28" t="s">
        <v>90</v>
      </c>
      <c r="D31" s="28"/>
      <c r="E31" s="28"/>
      <c r="F31" s="28"/>
      <c r="G31" s="28"/>
      <c r="H31" s="29"/>
      <c r="I31" s="14">
        <v>295361388</v>
      </c>
      <c r="J31" s="66"/>
      <c r="L31" s="13"/>
    </row>
    <row r="32" spans="2:12" ht="22.5" customHeight="1" x14ac:dyDescent="0.15">
      <c r="B32" s="60"/>
      <c r="C32" s="28" t="s">
        <v>91</v>
      </c>
      <c r="D32" s="28"/>
      <c r="E32" s="28"/>
      <c r="F32" s="28"/>
      <c r="G32" s="28"/>
      <c r="H32" s="29"/>
      <c r="I32" s="14">
        <v>1277019557</v>
      </c>
      <c r="J32" s="66"/>
      <c r="L32" s="13"/>
    </row>
    <row r="33" spans="2:12" ht="22.5" customHeight="1" x14ac:dyDescent="0.15">
      <c r="B33" s="60"/>
      <c r="C33" s="28" t="s">
        <v>92</v>
      </c>
      <c r="D33" s="28"/>
      <c r="E33" s="28"/>
      <c r="F33" s="28"/>
      <c r="G33" s="28"/>
      <c r="H33" s="29"/>
      <c r="I33" s="14">
        <v>440729</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0</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543487307</v>
      </c>
      <c r="J39" s="66"/>
      <c r="L39" s="13"/>
    </row>
    <row r="40" spans="2:12" ht="22.5" customHeight="1" x14ac:dyDescent="0.15">
      <c r="B40" s="60"/>
      <c r="C40" s="28" t="s">
        <v>99</v>
      </c>
      <c r="D40" s="28"/>
      <c r="E40" s="28"/>
      <c r="F40" s="28"/>
      <c r="G40" s="28"/>
      <c r="H40" s="29"/>
      <c r="I40" s="14">
        <v>1581747762</v>
      </c>
      <c r="J40" s="66"/>
      <c r="L40" s="13"/>
    </row>
    <row r="41" spans="2:12" ht="22.5" customHeight="1" x14ac:dyDescent="0.15">
      <c r="B41" s="60"/>
      <c r="C41" s="28"/>
      <c r="D41" s="28" t="s">
        <v>100</v>
      </c>
      <c r="E41" s="28"/>
      <c r="F41" s="28"/>
      <c r="G41" s="28"/>
      <c r="H41" s="29"/>
      <c r="I41" s="14">
        <v>1581744000</v>
      </c>
      <c r="J41" s="66"/>
      <c r="L41" s="13"/>
    </row>
    <row r="42" spans="2:12" ht="22.5" customHeight="1" x14ac:dyDescent="0.15">
      <c r="B42" s="60"/>
      <c r="C42" s="28"/>
      <c r="D42" s="28" t="s">
        <v>101</v>
      </c>
      <c r="E42" s="28"/>
      <c r="F42" s="28"/>
      <c r="G42" s="28"/>
      <c r="H42" s="29"/>
      <c r="I42" s="14">
        <v>3762</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1065164243</v>
      </c>
      <c r="J45" s="59"/>
      <c r="L45" s="13"/>
    </row>
    <row r="46" spans="2:12" ht="22.5" customHeight="1" x14ac:dyDescent="0.15">
      <c r="B46" s="60" t="s">
        <v>105</v>
      </c>
      <c r="C46" s="28"/>
      <c r="D46" s="28"/>
      <c r="E46" s="28"/>
      <c r="F46" s="28"/>
      <c r="G46" s="28"/>
      <c r="H46" s="29"/>
      <c r="I46" s="16">
        <v>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0</v>
      </c>
      <c r="J50" s="66"/>
      <c r="L50" s="13"/>
    </row>
    <row r="51" spans="1:12" ht="22.5" customHeight="1" x14ac:dyDescent="0.15">
      <c r="B51" s="60" t="s">
        <v>110</v>
      </c>
      <c r="C51" s="28"/>
      <c r="D51" s="28"/>
      <c r="E51" s="28"/>
      <c r="F51" s="28"/>
      <c r="G51" s="28"/>
      <c r="H51" s="29"/>
      <c r="I51" s="14">
        <v>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0</v>
      </c>
      <c r="J57" s="66"/>
      <c r="L57" s="13"/>
    </row>
    <row r="58" spans="1:12" ht="22.5" customHeight="1" x14ac:dyDescent="0.15">
      <c r="B58" s="56" t="s">
        <v>115</v>
      </c>
      <c r="C58" s="57"/>
      <c r="D58" s="57"/>
      <c r="E58" s="57"/>
      <c r="F58" s="57"/>
      <c r="G58" s="57"/>
      <c r="H58" s="58"/>
      <c r="I58" s="48">
        <v>0</v>
      </c>
      <c r="J58" s="59"/>
      <c r="L58" s="13"/>
    </row>
    <row r="59" spans="1:12" ht="22.5" customHeight="1" x14ac:dyDescent="0.15">
      <c r="A59" s="13"/>
      <c r="B59" s="56" t="s">
        <v>116</v>
      </c>
      <c r="C59" s="47"/>
      <c r="D59" s="47"/>
      <c r="E59" s="47"/>
      <c r="F59" s="47"/>
      <c r="G59" s="47"/>
      <c r="H59" s="47"/>
      <c r="I59" s="48">
        <v>-1065164243</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37" orientation="portrait" blackAndWhite="1" useFirstPageNumber="1" r:id="rId1"/>
  <headerFooter>
    <oddFooter>&amp;C&amp;"ＭＳ Ｐ明朝,標準"&amp;20&amp;P</oddFoot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60" zoomScaleSheetLayoutView="100" workbookViewId="0">
      <selection sqref="A1:E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22</v>
      </c>
      <c r="B1" s="275"/>
      <c r="C1" s="275"/>
      <c r="D1" s="275"/>
      <c r="E1" s="275"/>
      <c r="F1" s="160"/>
      <c r="G1" s="160"/>
      <c r="H1" s="160"/>
      <c r="I1" s="160"/>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29783508040</v>
      </c>
      <c r="K10" s="44">
        <v>0</v>
      </c>
      <c r="L10" s="44">
        <v>29783508040</v>
      </c>
      <c r="M10" s="13"/>
      <c r="N10" s="13"/>
    </row>
    <row r="11" spans="1:14" ht="50.1" customHeight="1" x14ac:dyDescent="0.15">
      <c r="A11" s="13"/>
      <c r="B11" s="13"/>
      <c r="C11" s="274" t="s">
        <v>325</v>
      </c>
      <c r="D11" s="274"/>
      <c r="E11" s="274"/>
      <c r="F11" s="274"/>
      <c r="G11" s="274"/>
      <c r="H11" s="274"/>
      <c r="I11" s="274"/>
      <c r="J11" s="44">
        <v>-1065164243</v>
      </c>
      <c r="K11" s="44">
        <v>0</v>
      </c>
      <c r="L11" s="44">
        <v>-1065164243</v>
      </c>
      <c r="M11" s="13"/>
      <c r="N11" s="13"/>
    </row>
    <row r="12" spans="1:14" ht="50.1" customHeight="1" x14ac:dyDescent="0.15">
      <c r="A12" s="13"/>
      <c r="B12" s="13"/>
      <c r="C12" s="274" t="s">
        <v>326</v>
      </c>
      <c r="D12" s="274"/>
      <c r="E12" s="274"/>
      <c r="F12" s="274"/>
      <c r="G12" s="274"/>
      <c r="H12" s="274"/>
      <c r="I12" s="274"/>
      <c r="J12" s="44">
        <v>28718343797</v>
      </c>
      <c r="K12" s="44">
        <v>0</v>
      </c>
      <c r="L12" s="44">
        <v>28718343797</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A1:E1"/>
    <mergeCell ref="C5:L5"/>
    <mergeCell ref="C6:L6"/>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38" orientation="portrait" blackAndWhite="1" useFirstPageNumber="1" r:id="rId1"/>
  <headerFooter>
    <oddFooter>&amp;C&amp;"ＭＳ Ｐ明朝,標準"&amp;20&amp;P</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22</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4884000</v>
      </c>
      <c r="S9" s="12"/>
      <c r="T9" s="2"/>
    </row>
    <row r="10" spans="1:20" ht="22.5" customHeight="1" x14ac:dyDescent="0.15">
      <c r="A10" s="21"/>
      <c r="B10" s="13" t="s">
        <v>118</v>
      </c>
      <c r="C10" s="13"/>
      <c r="D10" s="13"/>
      <c r="E10" s="13"/>
      <c r="F10" s="13"/>
      <c r="G10" s="13"/>
      <c r="H10" s="14">
        <v>2667147736</v>
      </c>
      <c r="I10" s="54"/>
      <c r="J10" s="13"/>
      <c r="K10" s="21"/>
      <c r="L10" s="13"/>
      <c r="M10" s="13" t="s">
        <v>157</v>
      </c>
      <c r="N10" s="13"/>
      <c r="O10" s="13"/>
      <c r="P10" s="13"/>
      <c r="Q10" s="13"/>
      <c r="R10" s="14">
        <v>4884000</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308727935</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0</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0</v>
      </c>
      <c r="I21" s="54"/>
      <c r="J21" s="13"/>
      <c r="K21" s="45" t="s">
        <v>164</v>
      </c>
      <c r="L21" s="47"/>
      <c r="M21" s="47"/>
      <c r="N21" s="47"/>
      <c r="O21" s="47"/>
      <c r="P21" s="47"/>
      <c r="Q21" s="47"/>
      <c r="R21" s="48">
        <v>-4884000</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0</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2358419801</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870876711</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23994249</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7589276</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295361388</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440729</v>
      </c>
      <c r="I31" s="54"/>
      <c r="J31" s="13"/>
      <c r="K31" s="21"/>
      <c r="L31" s="13" t="s">
        <v>170</v>
      </c>
      <c r="M31" s="13"/>
      <c r="N31" s="13"/>
      <c r="O31" s="13"/>
      <c r="P31" s="13"/>
      <c r="Q31" s="13"/>
      <c r="R31" s="14">
        <v>1694721996</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112977996</v>
      </c>
      <c r="S32" s="54"/>
      <c r="T32" s="2"/>
    </row>
    <row r="33" spans="1:20" ht="22.5" customHeight="1" x14ac:dyDescent="0.15">
      <c r="A33" s="21"/>
      <c r="B33" s="13"/>
      <c r="C33" s="13" t="s">
        <v>140</v>
      </c>
      <c r="D33" s="13"/>
      <c r="E33" s="13"/>
      <c r="F33" s="13"/>
      <c r="G33" s="13"/>
      <c r="H33" s="14">
        <v>543487307</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3762</v>
      </c>
      <c r="I34" s="54"/>
      <c r="J34" s="13"/>
      <c r="K34" s="21"/>
      <c r="L34" s="13"/>
      <c r="M34" s="13" t="s">
        <v>173</v>
      </c>
      <c r="N34" s="13"/>
      <c r="O34" s="13"/>
      <c r="P34" s="13"/>
      <c r="Q34" s="13"/>
      <c r="R34" s="14">
        <v>0</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1581744000</v>
      </c>
      <c r="S35" s="54"/>
      <c r="T35" s="2"/>
    </row>
    <row r="36" spans="1:20" ht="22.5" customHeight="1" x14ac:dyDescent="0.15">
      <c r="A36" s="21"/>
      <c r="B36" s="13"/>
      <c r="C36" s="13"/>
      <c r="D36" s="13" t="s">
        <v>143</v>
      </c>
      <c r="E36" s="13"/>
      <c r="F36" s="13"/>
      <c r="G36" s="13"/>
      <c r="H36" s="14">
        <v>3762</v>
      </c>
      <c r="I36" s="54"/>
      <c r="J36" s="13"/>
      <c r="K36" s="21"/>
      <c r="L36" s="13"/>
      <c r="M36" s="13"/>
      <c r="N36" s="13" t="s">
        <v>142</v>
      </c>
      <c r="O36" s="13"/>
      <c r="P36" s="13"/>
      <c r="Q36" s="13"/>
      <c r="R36" s="14">
        <v>158174400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1796271025</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1694721996</v>
      </c>
      <c r="S40" s="52"/>
      <c r="T40" s="2"/>
    </row>
    <row r="41" spans="1:20" ht="22.5" customHeight="1" x14ac:dyDescent="0.15">
      <c r="A41" s="21"/>
      <c r="B41" s="13" t="s">
        <v>148</v>
      </c>
      <c r="C41" s="13"/>
      <c r="D41" s="13"/>
      <c r="E41" s="13"/>
      <c r="F41" s="13"/>
      <c r="G41" s="13"/>
      <c r="H41" s="14">
        <v>0</v>
      </c>
      <c r="I41" s="54"/>
      <c r="J41" s="13"/>
      <c r="K41" s="45" t="s">
        <v>176</v>
      </c>
      <c r="L41" s="47"/>
      <c r="M41" s="47"/>
      <c r="N41" s="47"/>
      <c r="O41" s="47"/>
      <c r="P41" s="47"/>
      <c r="Q41" s="47"/>
      <c r="R41" s="48">
        <v>96665029</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112977996</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209643025</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39" orientation="portrait" blackAndWhite="1" useFirstPageNumber="1" r:id="rId1"/>
  <headerFooter>
    <oddFooter>&amp;C&amp;"ＭＳ Ｐ明朝,標準"&amp;20&amp;P</oddFoot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7"/>
  <sheetViews>
    <sheetView showGridLines="0" view="pageBreakPreview" zoomScale="70" zoomScaleNormal="50" zoomScaleSheetLayoutView="7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22</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3</v>
      </c>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245" t="s">
        <v>544</v>
      </c>
      <c r="D30" s="245"/>
      <c r="E30" s="245"/>
      <c r="F30" s="246"/>
    </row>
    <row r="31" spans="2:6" s="172" customFormat="1" ht="20.25" x14ac:dyDescent="0.15">
      <c r="B31" s="168"/>
      <c r="C31" s="246"/>
      <c r="D31" s="246"/>
      <c r="E31" s="246"/>
      <c r="F31" s="246"/>
    </row>
    <row r="32" spans="2:6" s="172" customFormat="1" ht="20.25" x14ac:dyDescent="0.15">
      <c r="B32" s="168" t="s">
        <v>376</v>
      </c>
      <c r="C32" s="246"/>
      <c r="D32" s="246"/>
      <c r="E32" s="246"/>
      <c r="F32" s="246"/>
    </row>
    <row r="33" spans="2:6" s="172" customFormat="1" ht="20.25" customHeight="1" x14ac:dyDescent="0.15">
      <c r="B33" s="168"/>
      <c r="C33" s="245"/>
      <c r="D33" s="245"/>
      <c r="E33" s="245"/>
      <c r="F33" s="246"/>
    </row>
    <row r="34" spans="2:6" s="172" customFormat="1" ht="20.25" x14ac:dyDescent="0.15">
      <c r="B34" s="168"/>
      <c r="C34" s="217" t="s">
        <v>545</v>
      </c>
      <c r="D34" s="217"/>
      <c r="E34" s="217"/>
    </row>
    <row r="35" spans="2:6" s="172" customFormat="1" ht="37.5" customHeight="1" x14ac:dyDescent="0.15">
      <c r="B35" s="168"/>
      <c r="C35" s="228"/>
      <c r="D35" s="224"/>
      <c r="E35" s="222"/>
    </row>
    <row r="36" spans="2:6" s="172" customFormat="1" ht="37.5" customHeight="1" x14ac:dyDescent="0.15">
      <c r="B36" s="168"/>
      <c r="C36" s="228"/>
      <c r="D36" s="229"/>
      <c r="E36" s="222"/>
    </row>
    <row r="37" spans="2:6" s="172" customFormat="1" ht="37.5" customHeight="1" x14ac:dyDescent="0.15">
      <c r="B37" s="168"/>
      <c r="C37" s="228"/>
      <c r="D37" s="225"/>
      <c r="E37" s="222"/>
    </row>
    <row r="38" spans="2:6" s="172" customFormat="1" ht="37.5" customHeight="1" x14ac:dyDescent="0.15">
      <c r="B38" s="168"/>
      <c r="C38" s="224"/>
      <c r="D38" s="225"/>
      <c r="E38" s="222"/>
    </row>
    <row r="39" spans="2:6" s="172" customFormat="1" ht="20.25" x14ac:dyDescent="0.15">
      <c r="B39" s="168"/>
      <c r="C39" s="177"/>
      <c r="D39" s="177"/>
    </row>
    <row r="40" spans="2:6" s="172" customFormat="1" ht="20.25" x14ac:dyDescent="0.15">
      <c r="B40" s="168"/>
    </row>
    <row r="41" spans="2:6" s="172" customFormat="1" ht="20.25" customHeight="1" x14ac:dyDescent="0.15">
      <c r="B41" s="168"/>
      <c r="C41" s="217"/>
      <c r="D41" s="217"/>
      <c r="E41" s="217"/>
    </row>
    <row r="42" spans="2:6" s="172" customFormat="1" ht="20.25" x14ac:dyDescent="0.15">
      <c r="B42" s="168"/>
      <c r="C42" s="227"/>
      <c r="D42" s="227"/>
      <c r="E42" s="227"/>
      <c r="F42" s="222"/>
    </row>
    <row r="43" spans="2:6" s="172" customFormat="1" ht="20.25" customHeight="1" x14ac:dyDescent="0.15">
      <c r="B43" s="168"/>
      <c r="C43" s="227"/>
      <c r="D43" s="227"/>
      <c r="E43" s="227"/>
      <c r="F43" s="222"/>
    </row>
    <row r="44" spans="2:6" s="172" customFormat="1" ht="20.25" x14ac:dyDescent="0.15">
      <c r="B44" s="168"/>
      <c r="C44" s="222"/>
      <c r="D44" s="222"/>
      <c r="E44" s="222"/>
      <c r="F44" s="222"/>
    </row>
    <row r="45" spans="2:6" s="172" customFormat="1" ht="20.25" x14ac:dyDescent="0.15">
      <c r="B45" s="168"/>
      <c r="C45" s="222"/>
      <c r="D45" s="222"/>
      <c r="E45" s="223"/>
      <c r="F45" s="222"/>
    </row>
    <row r="46" spans="2:6" s="172" customFormat="1" ht="20.25" x14ac:dyDescent="0.15">
      <c r="B46" s="168"/>
      <c r="C46" s="224"/>
      <c r="D46" s="224"/>
      <c r="E46" s="224"/>
      <c r="F46" s="222"/>
    </row>
    <row r="47" spans="2:6" s="172" customFormat="1" ht="93" customHeight="1" x14ac:dyDescent="0.15">
      <c r="B47" s="168"/>
      <c r="C47" s="224"/>
      <c r="D47" s="225"/>
      <c r="E47" s="226"/>
      <c r="F47" s="222"/>
    </row>
    <row r="48" spans="2:6" s="172" customFormat="1" ht="20.25" customHeight="1" x14ac:dyDescent="0.15">
      <c r="B48" s="168"/>
      <c r="C48" s="222"/>
      <c r="D48" s="222"/>
      <c r="E48" s="222"/>
      <c r="F48" s="222"/>
    </row>
    <row r="49" spans="2:6" s="172" customFormat="1" ht="20.25" x14ac:dyDescent="0.15">
      <c r="B49" s="168"/>
      <c r="C49" s="177"/>
      <c r="D49" s="177"/>
      <c r="E49" s="177"/>
      <c r="F49" s="222"/>
    </row>
    <row r="50" spans="2:6" s="172" customFormat="1" ht="20.25" customHeight="1" x14ac:dyDescent="0.15">
      <c r="B50" s="168"/>
      <c r="C50" s="350"/>
      <c r="D50" s="350"/>
      <c r="E50" s="350"/>
      <c r="F50" s="222"/>
    </row>
    <row r="51" spans="2:6" s="172" customFormat="1" ht="20.25" customHeight="1" x14ac:dyDescent="0.15">
      <c r="B51" s="168"/>
      <c r="C51" s="350"/>
      <c r="D51" s="350"/>
      <c r="E51" s="350"/>
      <c r="F51" s="222"/>
    </row>
    <row r="52" spans="2:6" s="172" customFormat="1" ht="20.25" customHeight="1" x14ac:dyDescent="0.15">
      <c r="B52" s="168"/>
      <c r="C52" s="349"/>
      <c r="D52" s="349"/>
      <c r="E52" s="349"/>
      <c r="F52" s="222"/>
    </row>
    <row r="53" spans="2:6" s="172" customFormat="1" ht="20.25" customHeight="1" x14ac:dyDescent="0.15">
      <c r="B53" s="168"/>
      <c r="C53" s="227"/>
      <c r="D53" s="227"/>
      <c r="E53" s="227"/>
      <c r="F53" s="222"/>
    </row>
    <row r="54" spans="2:6" s="172" customFormat="1" ht="20.25" customHeight="1" x14ac:dyDescent="0.15">
      <c r="B54" s="181"/>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282"/>
      <c r="D58" s="282"/>
      <c r="E58" s="282"/>
    </row>
    <row r="59" spans="2:6" s="172" customFormat="1" ht="20.25" customHeight="1" x14ac:dyDescent="0.15">
      <c r="B59" s="168"/>
      <c r="C59" s="283"/>
      <c r="D59" s="283"/>
      <c r="E59" s="217"/>
    </row>
    <row r="60" spans="2:6" s="172" customFormat="1" ht="20.25" customHeight="1" x14ac:dyDescent="0.15">
      <c r="B60" s="181"/>
      <c r="C60" s="281"/>
      <c r="D60" s="281"/>
      <c r="E60" s="281"/>
    </row>
    <row r="61" spans="2:6" s="172" customFormat="1" ht="20.25" customHeight="1" x14ac:dyDescent="0.15">
      <c r="B61" s="168"/>
      <c r="C61" s="281"/>
      <c r="D61" s="281"/>
      <c r="E61" s="281"/>
    </row>
    <row r="62" spans="2:6" s="172" customFormat="1" ht="20.25" customHeight="1" x14ac:dyDescent="0.15">
      <c r="B62" s="168"/>
      <c r="C62" s="217"/>
      <c r="D62" s="217"/>
      <c r="E62" s="217"/>
    </row>
    <row r="63" spans="2:6" s="172" customFormat="1" ht="20.25" customHeight="1" x14ac:dyDescent="0.15">
      <c r="B63" s="168"/>
      <c r="C63" s="217"/>
      <c r="D63" s="217"/>
      <c r="E63" s="217"/>
    </row>
    <row r="64" spans="2:6" s="172" customFormat="1" ht="48" customHeight="1" x14ac:dyDescent="0.15">
      <c r="B64" s="168"/>
      <c r="C64" s="182"/>
      <c r="D64" s="182"/>
      <c r="E64" s="182"/>
    </row>
    <row r="65" spans="3:5" s="198" customFormat="1" ht="22.5" customHeight="1" x14ac:dyDescent="0.15">
      <c r="C65" s="195"/>
      <c r="D65" s="195"/>
      <c r="E65" s="195"/>
    </row>
    <row r="66" spans="3:5" s="198" customFormat="1" ht="22.5" customHeight="1" x14ac:dyDescent="0.15">
      <c r="C66" s="195"/>
      <c r="D66" s="195"/>
      <c r="E66" s="195"/>
    </row>
    <row r="67" spans="3:5" s="198" customFormat="1" ht="21" customHeight="1" x14ac:dyDescent="0.15">
      <c r="C67" s="195"/>
      <c r="D67" s="195"/>
      <c r="E67" s="195"/>
    </row>
  </sheetData>
  <mergeCells count="16">
    <mergeCell ref="D12:E12"/>
    <mergeCell ref="A1:C1"/>
    <mergeCell ref="B5:E5"/>
    <mergeCell ref="D9:E9"/>
    <mergeCell ref="D10:E10"/>
    <mergeCell ref="D11:E11"/>
    <mergeCell ref="C54:E57"/>
    <mergeCell ref="C58:E58"/>
    <mergeCell ref="C59:D59"/>
    <mergeCell ref="C60:E61"/>
    <mergeCell ref="B13:E13"/>
    <mergeCell ref="B17:E17"/>
    <mergeCell ref="D21:E21"/>
    <mergeCell ref="D22:E22"/>
    <mergeCell ref="C50:E51"/>
    <mergeCell ref="C52:E52"/>
  </mergeCells>
  <phoneticPr fontId="24"/>
  <printOptions horizontalCentered="1"/>
  <pageMargins left="0.19685039370078741" right="0.19685039370078741" top="0.31496062992125984" bottom="0.19685039370078741" header="0.11811023622047245" footer="0.11811023622047245"/>
  <pageSetup paperSize="9" scale="58" firstPageNumber="40" fitToHeight="0" orientation="portrait" useFirstPageNumber="1" r:id="rId1"/>
  <headerFooter>
    <oddFooter>&amp;C&amp;"ＭＳ Ｐ明朝,標準"&amp;20&amp;P</oddFooter>
  </headerFooter>
  <rowBreaks count="1" manualBreakCount="1">
    <brk id="12" max="5" man="1"/>
  </rowBreak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22</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41319577527</v>
      </c>
      <c r="J18" s="85">
        <v>0</v>
      </c>
      <c r="K18" s="85">
        <v>0</v>
      </c>
      <c r="L18" s="84">
        <v>41319577527</v>
      </c>
      <c r="M18" s="84">
        <v>12794706261</v>
      </c>
      <c r="N18" s="84">
        <v>1274463564</v>
      </c>
      <c r="O18" s="84">
        <v>28524871266</v>
      </c>
    </row>
    <row r="19" spans="2:15" ht="21.95" customHeight="1" x14ac:dyDescent="0.15">
      <c r="B19" s="81"/>
      <c r="C19" s="82" t="s">
        <v>16</v>
      </c>
      <c r="D19" s="82"/>
      <c r="E19" s="82"/>
      <c r="F19" s="82"/>
      <c r="G19" s="82"/>
      <c r="H19" s="83"/>
      <c r="I19" s="84">
        <v>41319577527</v>
      </c>
      <c r="J19" s="85">
        <v>0</v>
      </c>
      <c r="K19" s="85">
        <v>0</v>
      </c>
      <c r="L19" s="84">
        <v>41319577527</v>
      </c>
      <c r="M19" s="84">
        <v>12794706261</v>
      </c>
      <c r="N19" s="84">
        <v>1274463564</v>
      </c>
      <c r="O19" s="84">
        <v>28524871266</v>
      </c>
    </row>
    <row r="20" spans="2:15" ht="21.95" customHeight="1" x14ac:dyDescent="0.15">
      <c r="B20" s="81"/>
      <c r="C20" s="82"/>
      <c r="D20" s="82" t="s">
        <v>17</v>
      </c>
      <c r="E20" s="82"/>
      <c r="F20" s="82"/>
      <c r="G20" s="82"/>
      <c r="H20" s="83"/>
      <c r="I20" s="84">
        <v>3691035860</v>
      </c>
      <c r="J20" s="85">
        <v>0</v>
      </c>
      <c r="K20" s="85">
        <v>0</v>
      </c>
      <c r="L20" s="84">
        <v>3691035860</v>
      </c>
      <c r="M20" s="84">
        <v>0</v>
      </c>
      <c r="N20" s="84">
        <v>0</v>
      </c>
      <c r="O20" s="84">
        <v>3691035860</v>
      </c>
    </row>
    <row r="21" spans="2:15" ht="21.95" customHeight="1" x14ac:dyDescent="0.15">
      <c r="B21" s="81"/>
      <c r="C21" s="82"/>
      <c r="D21" s="82" t="s">
        <v>18</v>
      </c>
      <c r="E21" s="82"/>
      <c r="F21" s="82"/>
      <c r="G21" s="82"/>
      <c r="H21" s="83"/>
      <c r="I21" s="84">
        <v>36288919835</v>
      </c>
      <c r="J21" s="85">
        <v>0</v>
      </c>
      <c r="K21" s="85">
        <v>0</v>
      </c>
      <c r="L21" s="84">
        <v>36288919835</v>
      </c>
      <c r="M21" s="84">
        <v>11680009054</v>
      </c>
      <c r="N21" s="84">
        <v>1252136508</v>
      </c>
      <c r="O21" s="84">
        <v>24608910781</v>
      </c>
    </row>
    <row r="22" spans="2:15" ht="21.75" customHeight="1" x14ac:dyDescent="0.15">
      <c r="B22" s="81"/>
      <c r="C22" s="82"/>
      <c r="D22" s="82" t="s">
        <v>19</v>
      </c>
      <c r="E22" s="82"/>
      <c r="F22" s="82"/>
      <c r="G22" s="82"/>
      <c r="H22" s="83"/>
      <c r="I22" s="84">
        <v>1339621832</v>
      </c>
      <c r="J22" s="85">
        <v>0</v>
      </c>
      <c r="K22" s="85">
        <v>0</v>
      </c>
      <c r="L22" s="84">
        <v>1339621832</v>
      </c>
      <c r="M22" s="84">
        <v>1114697207</v>
      </c>
      <c r="N22" s="84">
        <v>22327056</v>
      </c>
      <c r="O22" s="84">
        <v>224924625</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12372960</v>
      </c>
      <c r="J38" s="85">
        <v>4884000</v>
      </c>
      <c r="K38" s="85">
        <v>0</v>
      </c>
      <c r="L38" s="84">
        <v>17256960</v>
      </c>
      <c r="M38" s="84">
        <v>7645929</v>
      </c>
      <c r="N38" s="84">
        <v>2555993</v>
      </c>
      <c r="O38" s="84">
        <v>9611031</v>
      </c>
    </row>
    <row r="39" spans="2:15" ht="21.95" customHeight="1" x14ac:dyDescent="0.15">
      <c r="B39" s="81" t="s">
        <v>31</v>
      </c>
      <c r="C39" s="82"/>
      <c r="D39" s="82"/>
      <c r="E39" s="82"/>
      <c r="F39" s="82"/>
      <c r="G39" s="82"/>
      <c r="H39" s="83"/>
      <c r="I39" s="84">
        <v>0</v>
      </c>
      <c r="J39" s="85">
        <v>0</v>
      </c>
      <c r="K39" s="85">
        <v>0</v>
      </c>
      <c r="L39" s="84">
        <v>0</v>
      </c>
      <c r="M39" s="84">
        <v>0</v>
      </c>
      <c r="N39" s="84">
        <v>0</v>
      </c>
      <c r="O39" s="84">
        <v>0</v>
      </c>
    </row>
    <row r="40" spans="2:15" ht="21.95" customHeight="1" x14ac:dyDescent="0.15">
      <c r="B40" s="189" t="s">
        <v>32</v>
      </c>
      <c r="C40" s="190"/>
      <c r="D40" s="190"/>
      <c r="E40" s="190"/>
      <c r="F40" s="190"/>
      <c r="G40" s="190"/>
      <c r="H40" s="191"/>
      <c r="I40" s="84">
        <v>0</v>
      </c>
      <c r="J40" s="85">
        <v>0</v>
      </c>
      <c r="K40" s="85">
        <v>0</v>
      </c>
      <c r="L40" s="84">
        <v>0</v>
      </c>
      <c r="M40" s="84">
        <v>0</v>
      </c>
      <c r="N40" s="84">
        <v>0</v>
      </c>
      <c r="O40" s="84">
        <v>0</v>
      </c>
    </row>
    <row r="41" spans="2:15" ht="21.95" customHeight="1" x14ac:dyDescent="0.15">
      <c r="B41" s="189" t="s">
        <v>33</v>
      </c>
      <c r="C41" s="190"/>
      <c r="D41" s="190"/>
      <c r="E41" s="190"/>
      <c r="F41" s="190"/>
      <c r="G41" s="190"/>
      <c r="H41" s="191"/>
      <c r="I41" s="84">
        <v>0</v>
      </c>
      <c r="J41" s="85">
        <v>4884000</v>
      </c>
      <c r="K41" s="85">
        <v>4884000</v>
      </c>
      <c r="L41" s="84">
        <v>0</v>
      </c>
      <c r="M41" s="84">
        <v>0</v>
      </c>
      <c r="N41" s="84">
        <v>0</v>
      </c>
      <c r="O41" s="84">
        <v>0</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41331950487</v>
      </c>
      <c r="J43" s="85">
        <v>9768000</v>
      </c>
      <c r="K43" s="85">
        <v>4884000</v>
      </c>
      <c r="L43" s="84">
        <v>41336834487</v>
      </c>
      <c r="M43" s="84">
        <v>12802352190</v>
      </c>
      <c r="N43" s="84">
        <v>1277019557</v>
      </c>
      <c r="O43" s="84">
        <v>28534482297</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3:H43"/>
    <mergeCell ref="B45:O45"/>
    <mergeCell ref="A1:K1"/>
    <mergeCell ref="A5:K5"/>
    <mergeCell ref="L5:P5"/>
    <mergeCell ref="B12:K13"/>
    <mergeCell ref="L12:O13"/>
    <mergeCell ref="B16:H17"/>
  </mergeCells>
  <phoneticPr fontId="24"/>
  <printOptions horizontalCentered="1"/>
  <pageMargins left="0.19685039370078741" right="0.19685039370078741" top="0.31496062992125984" bottom="0.19685039370078741" header="0.11811023622047245" footer="0.11811023622047245"/>
  <pageSetup paperSize="9" scale="58" firstPageNumber="42" fitToWidth="2" orientation="portrait" useFirstPageNumber="1" r:id="rId1"/>
  <headerFooter>
    <oddFooter>&amp;C&amp;"ＭＳ Ｐ明朝,標準"&amp;20&amp;P</oddFooter>
  </headerFooter>
  <colBreaks count="1" manualBreakCount="1">
    <brk id="11" max="43"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71"/>
      <c r="B14" s="71"/>
      <c r="C14" s="71"/>
      <c r="D14" s="71"/>
      <c r="E14" s="71"/>
      <c r="F14" s="71"/>
      <c r="G14" s="71"/>
      <c r="H14" s="71"/>
      <c r="I14" s="71"/>
    </row>
    <row r="15" spans="1:9" ht="30.75" x14ac:dyDescent="0.15">
      <c r="A15" s="71"/>
      <c r="B15" s="71"/>
      <c r="C15" s="71"/>
      <c r="D15" s="71"/>
      <c r="E15" s="71"/>
      <c r="F15" s="71"/>
      <c r="G15" s="71"/>
      <c r="H15" s="71"/>
      <c r="I15" s="71"/>
    </row>
    <row r="17" spans="1:9" s="70" customFormat="1" ht="30.75" x14ac:dyDescent="0.15">
      <c r="A17" s="263" t="s">
        <v>184</v>
      </c>
      <c r="B17" s="263"/>
      <c r="C17" s="263"/>
      <c r="D17" s="263"/>
      <c r="E17" s="263"/>
      <c r="F17" s="263"/>
      <c r="G17" s="263"/>
      <c r="H17" s="263"/>
      <c r="I17" s="263"/>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46:I46"/>
    <mergeCell ref="A19:I19"/>
    <mergeCell ref="A17:I17"/>
    <mergeCell ref="A13:I13"/>
  </mergeCells>
  <phoneticPr fontId="10"/>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22</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432900</v>
      </c>
      <c r="J10" s="146">
        <v>0</v>
      </c>
      <c r="K10" s="146">
        <v>0</v>
      </c>
      <c r="L10" s="146">
        <v>0</v>
      </c>
      <c r="M10" s="146">
        <v>0</v>
      </c>
      <c r="N10" s="91">
        <v>432900</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1205213</v>
      </c>
      <c r="J16" s="146">
        <v>1566504</v>
      </c>
      <c r="K16" s="146">
        <v>1160887</v>
      </c>
      <c r="L16" s="146">
        <v>44326</v>
      </c>
      <c r="M16" s="146">
        <v>1205213</v>
      </c>
      <c r="N16" s="91">
        <v>1566504</v>
      </c>
    </row>
    <row r="17" spans="2:14" ht="22.5" customHeight="1" x14ac:dyDescent="0.15">
      <c r="B17" s="336" t="s">
        <v>56</v>
      </c>
      <c r="C17" s="336"/>
      <c r="D17" s="336"/>
      <c r="E17" s="336"/>
      <c r="F17" s="336"/>
      <c r="G17" s="336"/>
      <c r="H17" s="336"/>
      <c r="I17" s="91">
        <v>4430019</v>
      </c>
      <c r="J17" s="146">
        <v>2310420</v>
      </c>
      <c r="K17" s="146">
        <v>0</v>
      </c>
      <c r="L17" s="146">
        <v>0</v>
      </c>
      <c r="M17" s="146">
        <v>0</v>
      </c>
      <c r="N17" s="91">
        <v>6740439</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6068132</v>
      </c>
      <c r="J19" s="146">
        <v>3876924</v>
      </c>
      <c r="K19" s="146">
        <v>1160887</v>
      </c>
      <c r="L19" s="146">
        <v>44326</v>
      </c>
      <c r="M19" s="146">
        <v>1205213</v>
      </c>
      <c r="N19" s="91">
        <v>8739843</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44" fitToWidth="2" fitToHeight="0" orientation="portrait" useFirstPageNumber="1" r:id="rId1"/>
  <headerFooter>
    <oddFooter>&amp;C&amp;"ＭＳ Ｐ明朝,標準"&amp;20&amp;P</oddFooter>
  </headerFooter>
  <colBreaks count="1" manualBreakCount="1">
    <brk id="10" max="18" man="1"/>
  </colBreak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2" t="s">
        <v>350</v>
      </c>
      <c r="B17" s="262"/>
      <c r="C17" s="262"/>
      <c r="D17" s="262"/>
      <c r="E17" s="262"/>
      <c r="F17" s="262"/>
      <c r="G17" s="262"/>
      <c r="H17" s="262"/>
      <c r="I17" s="262"/>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I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23</v>
      </c>
      <c r="B1" s="266"/>
      <c r="C1" s="266"/>
      <c r="D1" s="266"/>
      <c r="E1" s="266"/>
      <c r="F1" s="266"/>
      <c r="G1" s="266"/>
      <c r="H1" s="266"/>
      <c r="I1" s="266"/>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610969366</v>
      </c>
      <c r="J10" s="23"/>
      <c r="K10" s="21"/>
      <c r="L10" s="15" t="s">
        <v>43</v>
      </c>
      <c r="M10" s="13"/>
      <c r="N10" s="13"/>
      <c r="O10" s="13"/>
      <c r="P10" s="13"/>
      <c r="Q10" s="13"/>
      <c r="R10" s="14">
        <v>120963974</v>
      </c>
      <c r="S10" s="54"/>
      <c r="T10" s="2"/>
    </row>
    <row r="11" spans="1:20" ht="22.5" customHeight="1" x14ac:dyDescent="0.15">
      <c r="B11" s="21"/>
      <c r="C11" s="13"/>
      <c r="D11" s="13" t="s">
        <v>4</v>
      </c>
      <c r="E11" s="13"/>
      <c r="F11" s="13"/>
      <c r="G11" s="13"/>
      <c r="H11" s="13"/>
      <c r="I11" s="14">
        <v>231525050</v>
      </c>
      <c r="J11" s="23"/>
      <c r="K11" s="21"/>
      <c r="L11" s="13"/>
      <c r="M11" s="13" t="s">
        <v>44</v>
      </c>
      <c r="N11" s="13"/>
      <c r="O11" s="13"/>
      <c r="P11" s="13"/>
      <c r="Q11" s="13"/>
      <c r="R11" s="14">
        <v>120963974</v>
      </c>
      <c r="S11" s="54"/>
      <c r="T11" s="2"/>
    </row>
    <row r="12" spans="1:20" ht="22.5" customHeight="1" x14ac:dyDescent="0.15">
      <c r="B12" s="21"/>
      <c r="C12" s="13"/>
      <c r="D12" s="13"/>
      <c r="E12" s="13" t="s">
        <v>5</v>
      </c>
      <c r="F12" s="13"/>
      <c r="G12" s="13"/>
      <c r="H12" s="13"/>
      <c r="I12" s="14">
        <v>231525050</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676206449</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509129537</v>
      </c>
      <c r="J15" s="23"/>
      <c r="K15" s="21"/>
      <c r="L15" s="13"/>
      <c r="M15" s="13" t="s">
        <v>48</v>
      </c>
      <c r="N15" s="13"/>
      <c r="O15" s="13"/>
      <c r="P15" s="13"/>
      <c r="Q15" s="13"/>
      <c r="R15" s="14">
        <v>0</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282634459</v>
      </c>
      <c r="J20" s="23"/>
      <c r="K20" s="21"/>
      <c r="L20" s="13" t="s">
        <v>53</v>
      </c>
      <c r="M20" s="13"/>
      <c r="N20" s="13"/>
      <c r="O20" s="13"/>
      <c r="P20" s="13"/>
      <c r="Q20" s="13"/>
      <c r="R20" s="14">
        <v>1988474737</v>
      </c>
      <c r="S20" s="54"/>
      <c r="T20" s="2"/>
    </row>
    <row r="21" spans="2:20" ht="22.5" customHeight="1" x14ac:dyDescent="0.15">
      <c r="B21" s="21"/>
      <c r="C21" s="13"/>
      <c r="D21" s="13" t="s">
        <v>8</v>
      </c>
      <c r="E21" s="13"/>
      <c r="F21" s="13"/>
      <c r="G21" s="13"/>
      <c r="H21" s="13"/>
      <c r="I21" s="14">
        <v>-70267055</v>
      </c>
      <c r="J21" s="23"/>
      <c r="K21" s="21"/>
      <c r="L21" s="13"/>
      <c r="M21" s="13" t="s">
        <v>44</v>
      </c>
      <c r="N21" s="13"/>
      <c r="O21" s="13"/>
      <c r="P21" s="13"/>
      <c r="Q21" s="13"/>
      <c r="R21" s="14">
        <v>1988474737</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1720649060</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0</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0</v>
      </c>
      <c r="J25" s="23"/>
      <c r="K25" s="21"/>
      <c r="L25" s="13"/>
      <c r="M25" s="13" t="s">
        <v>56</v>
      </c>
      <c r="N25" s="13"/>
      <c r="O25" s="13"/>
      <c r="P25" s="13"/>
      <c r="Q25" s="13"/>
      <c r="R25" s="14">
        <v>0</v>
      </c>
      <c r="S25" s="54"/>
      <c r="T25" s="2"/>
    </row>
    <row r="26" spans="2:20" ht="22.5" customHeight="1" x14ac:dyDescent="0.15">
      <c r="B26" s="21"/>
      <c r="C26" s="247"/>
      <c r="D26" s="247"/>
      <c r="E26" s="247"/>
      <c r="F26" s="247" t="s">
        <v>17</v>
      </c>
      <c r="G26" s="13"/>
      <c r="H26" s="13"/>
      <c r="I26" s="14">
        <v>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0</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2109438711</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222179715</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0</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0</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2049195022</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328545962</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222179715</v>
      </c>
      <c r="S60" s="52"/>
      <c r="T60" s="2"/>
    </row>
    <row r="61" spans="2:20" ht="22.5" customHeight="1" x14ac:dyDescent="0.15">
      <c r="B61" s="45" t="s">
        <v>65</v>
      </c>
      <c r="C61" s="46"/>
      <c r="D61" s="47"/>
      <c r="E61" s="47"/>
      <c r="F61" s="47"/>
      <c r="G61" s="47"/>
      <c r="H61" s="47"/>
      <c r="I61" s="48">
        <v>2331618426</v>
      </c>
      <c r="J61" s="49"/>
      <c r="K61" s="45" t="s">
        <v>67</v>
      </c>
      <c r="L61" s="47"/>
      <c r="M61" s="47"/>
      <c r="N61" s="47"/>
      <c r="O61" s="47"/>
      <c r="P61" s="47"/>
      <c r="Q61" s="47"/>
      <c r="R61" s="48">
        <v>2331618426</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B5:S5"/>
    <mergeCell ref="B6:S6"/>
    <mergeCell ref="A1:I1"/>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48" orientation="portrait" blackAndWhite="1" useFirstPageNumber="1" r:id="rId1"/>
  <headerFooter>
    <oddFooter>&amp;C&amp;"ＭＳ Ｐ明朝,標準"&amp;20&amp;P</oddFooter>
  </headerFooter>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523</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11670620</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0</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0</v>
      </c>
      <c r="J17" s="61"/>
      <c r="L17" s="13"/>
    </row>
    <row r="18" spans="2:12" ht="22.5" customHeight="1" x14ac:dyDescent="0.15">
      <c r="B18" s="60"/>
      <c r="C18" s="28" t="s">
        <v>77</v>
      </c>
      <c r="D18" s="28"/>
      <c r="E18" s="28"/>
      <c r="F18" s="28"/>
      <c r="G18" s="28"/>
      <c r="H18" s="29"/>
      <c r="I18" s="14">
        <v>0</v>
      </c>
      <c r="J18" s="61"/>
      <c r="L18" s="13"/>
    </row>
    <row r="19" spans="2:12" ht="22.5" customHeight="1" x14ac:dyDescent="0.15">
      <c r="B19" s="60"/>
      <c r="C19" s="28" t="s">
        <v>78</v>
      </c>
      <c r="D19" s="28"/>
      <c r="E19" s="28"/>
      <c r="F19" s="28"/>
      <c r="G19" s="28"/>
      <c r="H19" s="29"/>
      <c r="I19" s="14">
        <v>7800359</v>
      </c>
      <c r="J19" s="61"/>
      <c r="L19" s="13"/>
    </row>
    <row r="20" spans="2:12" ht="22.5" customHeight="1" x14ac:dyDescent="0.15">
      <c r="B20" s="60"/>
      <c r="C20" s="28"/>
      <c r="D20" s="28" t="s">
        <v>79</v>
      </c>
      <c r="E20" s="28"/>
      <c r="F20" s="28"/>
      <c r="G20" s="28"/>
      <c r="H20" s="29"/>
      <c r="I20" s="14">
        <v>7800359</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109561</v>
      </c>
      <c r="J24" s="61"/>
      <c r="L24" s="13"/>
    </row>
    <row r="25" spans="2:12" ht="22.5" customHeight="1" x14ac:dyDescent="0.15">
      <c r="B25" s="251"/>
      <c r="C25" s="252" t="s">
        <v>84</v>
      </c>
      <c r="D25" s="252"/>
      <c r="E25" s="252"/>
      <c r="F25" s="62"/>
      <c r="G25" s="62"/>
      <c r="H25" s="63"/>
      <c r="I25" s="64">
        <v>3760700</v>
      </c>
      <c r="J25" s="65"/>
      <c r="L25" s="13"/>
    </row>
    <row r="26" spans="2:12" ht="22.5" customHeight="1" x14ac:dyDescent="0.15">
      <c r="B26" s="249" t="s">
        <v>85</v>
      </c>
      <c r="C26" s="250"/>
      <c r="D26" s="250"/>
      <c r="E26" s="250"/>
      <c r="F26" s="28"/>
      <c r="G26" s="28"/>
      <c r="H26" s="29"/>
      <c r="I26" s="16">
        <v>94172927</v>
      </c>
      <c r="J26" s="61"/>
      <c r="L26" s="13"/>
    </row>
    <row r="27" spans="2:12" ht="22.5" customHeight="1" x14ac:dyDescent="0.15">
      <c r="B27" s="249"/>
      <c r="C27" s="250" t="s">
        <v>86</v>
      </c>
      <c r="D27" s="250"/>
      <c r="E27" s="250"/>
      <c r="F27" s="28"/>
      <c r="G27" s="28"/>
      <c r="H27" s="29"/>
      <c r="I27" s="14">
        <v>1520656</v>
      </c>
      <c r="J27" s="66"/>
      <c r="L27" s="13"/>
    </row>
    <row r="28" spans="2:12" ht="22.5" customHeight="1" x14ac:dyDescent="0.15">
      <c r="B28" s="60"/>
      <c r="C28" s="28" t="s">
        <v>87</v>
      </c>
      <c r="D28" s="28"/>
      <c r="E28" s="28"/>
      <c r="F28" s="28"/>
      <c r="G28" s="28"/>
      <c r="H28" s="29"/>
      <c r="I28" s="14">
        <v>0</v>
      </c>
      <c r="J28" s="66"/>
      <c r="L28" s="13"/>
    </row>
    <row r="29" spans="2:12" ht="22.5" customHeight="1" x14ac:dyDescent="0.15">
      <c r="B29" s="60"/>
      <c r="C29" s="28" t="s">
        <v>88</v>
      </c>
      <c r="D29" s="28"/>
      <c r="E29" s="28"/>
      <c r="F29" s="28"/>
      <c r="G29" s="28"/>
      <c r="H29" s="29"/>
      <c r="I29" s="14">
        <v>0</v>
      </c>
      <c r="J29" s="66"/>
      <c r="L29" s="13"/>
    </row>
    <row r="30" spans="2:12" ht="22.5" customHeight="1" x14ac:dyDescent="0.15">
      <c r="B30" s="60"/>
      <c r="C30" s="28" t="s">
        <v>89</v>
      </c>
      <c r="D30" s="28"/>
      <c r="E30" s="28"/>
      <c r="F30" s="28"/>
      <c r="G30" s="28"/>
      <c r="H30" s="29"/>
      <c r="I30" s="14">
        <v>10159887</v>
      </c>
      <c r="J30" s="66"/>
      <c r="L30" s="13"/>
    </row>
    <row r="31" spans="2:12" ht="22.5" customHeight="1" x14ac:dyDescent="0.15">
      <c r="B31" s="60"/>
      <c r="C31" s="28" t="s">
        <v>90</v>
      </c>
      <c r="D31" s="28"/>
      <c r="E31" s="28"/>
      <c r="F31" s="28"/>
      <c r="G31" s="28"/>
      <c r="H31" s="29"/>
      <c r="I31" s="14">
        <v>0</v>
      </c>
      <c r="J31" s="66"/>
      <c r="L31" s="13"/>
    </row>
    <row r="32" spans="2:12" ht="22.5" customHeight="1" x14ac:dyDescent="0.15">
      <c r="B32" s="60"/>
      <c r="C32" s="28" t="s">
        <v>91</v>
      </c>
      <c r="D32" s="28"/>
      <c r="E32" s="28"/>
      <c r="F32" s="28"/>
      <c r="G32" s="28"/>
      <c r="H32" s="29"/>
      <c r="I32" s="14">
        <v>0</v>
      </c>
      <c r="J32" s="66"/>
      <c r="L32" s="13"/>
    </row>
    <row r="33" spans="2:12" ht="22.5" customHeight="1" x14ac:dyDescent="0.15">
      <c r="B33" s="60"/>
      <c r="C33" s="28" t="s">
        <v>92</v>
      </c>
      <c r="D33" s="28"/>
      <c r="E33" s="28"/>
      <c r="F33" s="28"/>
      <c r="G33" s="28"/>
      <c r="H33" s="29"/>
      <c r="I33" s="14">
        <v>0</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26312579</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0</v>
      </c>
      <c r="J39" s="66"/>
      <c r="L39" s="13"/>
    </row>
    <row r="40" spans="2:12" ht="22.5" customHeight="1" x14ac:dyDescent="0.15">
      <c r="B40" s="60"/>
      <c r="C40" s="28" t="s">
        <v>99</v>
      </c>
      <c r="D40" s="28"/>
      <c r="E40" s="28"/>
      <c r="F40" s="28"/>
      <c r="G40" s="28"/>
      <c r="H40" s="29"/>
      <c r="I40" s="14">
        <v>108804963</v>
      </c>
      <c r="J40" s="66"/>
      <c r="L40" s="13"/>
    </row>
    <row r="41" spans="2:12" ht="22.5" customHeight="1" x14ac:dyDescent="0.15">
      <c r="B41" s="60"/>
      <c r="C41" s="28"/>
      <c r="D41" s="28" t="s">
        <v>100</v>
      </c>
      <c r="E41" s="28"/>
      <c r="F41" s="28"/>
      <c r="G41" s="28"/>
      <c r="H41" s="29"/>
      <c r="I41" s="14">
        <v>108673352</v>
      </c>
      <c r="J41" s="66"/>
      <c r="L41" s="13"/>
    </row>
    <row r="42" spans="2:12" ht="22.5" customHeight="1" x14ac:dyDescent="0.15">
      <c r="B42" s="60"/>
      <c r="C42" s="28"/>
      <c r="D42" s="28" t="s">
        <v>101</v>
      </c>
      <c r="E42" s="28"/>
      <c r="F42" s="28"/>
      <c r="G42" s="28"/>
      <c r="H42" s="29"/>
      <c r="I42" s="14">
        <v>131611</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82502307</v>
      </c>
      <c r="J45" s="59"/>
      <c r="L45" s="13"/>
    </row>
    <row r="46" spans="2:12" ht="22.5" customHeight="1" x14ac:dyDescent="0.15">
      <c r="B46" s="60" t="s">
        <v>105</v>
      </c>
      <c r="C46" s="28"/>
      <c r="D46" s="28"/>
      <c r="E46" s="28"/>
      <c r="F46" s="28"/>
      <c r="G46" s="28"/>
      <c r="H46" s="29"/>
      <c r="I46" s="16">
        <v>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0</v>
      </c>
      <c r="J50" s="66"/>
      <c r="L50" s="13"/>
    </row>
    <row r="51" spans="1:12" ht="22.5" customHeight="1" x14ac:dyDescent="0.15">
      <c r="B51" s="60" t="s">
        <v>110</v>
      </c>
      <c r="C51" s="28"/>
      <c r="D51" s="28"/>
      <c r="E51" s="28"/>
      <c r="F51" s="28"/>
      <c r="G51" s="28"/>
      <c r="H51" s="29"/>
      <c r="I51" s="14">
        <v>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0</v>
      </c>
      <c r="J57" s="66"/>
      <c r="L57" s="13"/>
    </row>
    <row r="58" spans="1:12" ht="22.5" customHeight="1" x14ac:dyDescent="0.15">
      <c r="B58" s="56" t="s">
        <v>115</v>
      </c>
      <c r="C58" s="57"/>
      <c r="D58" s="57"/>
      <c r="E58" s="57"/>
      <c r="F58" s="57"/>
      <c r="G58" s="57"/>
      <c r="H58" s="58"/>
      <c r="I58" s="48">
        <v>0</v>
      </c>
      <c r="J58" s="59"/>
      <c r="L58" s="13"/>
    </row>
    <row r="59" spans="1:12" ht="22.5" customHeight="1" x14ac:dyDescent="0.15">
      <c r="A59" s="13"/>
      <c r="B59" s="56" t="s">
        <v>116</v>
      </c>
      <c r="C59" s="47"/>
      <c r="D59" s="47"/>
      <c r="E59" s="47"/>
      <c r="F59" s="47"/>
      <c r="G59" s="47"/>
      <c r="H59" s="47"/>
      <c r="I59" s="48">
        <v>-82502307</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49" orientation="portrait" blackAndWhite="1" useFirstPageNumber="1" r:id="rId1"/>
  <headerFooter>
    <oddFooter>&amp;C&amp;"ＭＳ Ｐ明朝,標準"&amp;20&amp;P</oddFooter>
  </headerFooter>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70" zoomScaleNormal="70" zoomScaleSheetLayoutView="70" workbookViewId="0">
      <selection sqref="A1:J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23</v>
      </c>
      <c r="B1" s="275"/>
      <c r="C1" s="275"/>
      <c r="D1" s="275"/>
      <c r="E1" s="275"/>
      <c r="F1" s="275"/>
      <c r="G1" s="275"/>
      <c r="H1" s="275"/>
      <c r="I1" s="275"/>
      <c r="J1" s="275"/>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304682022</v>
      </c>
      <c r="K10" s="44">
        <v>0</v>
      </c>
      <c r="L10" s="44">
        <v>304682022</v>
      </c>
      <c r="M10" s="13"/>
      <c r="N10" s="13"/>
    </row>
    <row r="11" spans="1:14" ht="50.1" customHeight="1" x14ac:dyDescent="0.15">
      <c r="A11" s="13"/>
      <c r="B11" s="13"/>
      <c r="C11" s="274" t="s">
        <v>325</v>
      </c>
      <c r="D11" s="274"/>
      <c r="E11" s="274"/>
      <c r="F11" s="274"/>
      <c r="G11" s="274"/>
      <c r="H11" s="274"/>
      <c r="I11" s="274"/>
      <c r="J11" s="44">
        <v>-82502307</v>
      </c>
      <c r="K11" s="44">
        <v>0</v>
      </c>
      <c r="L11" s="44">
        <v>-82502307</v>
      </c>
      <c r="M11" s="13"/>
      <c r="N11" s="13"/>
    </row>
    <row r="12" spans="1:14" ht="50.1" customHeight="1" x14ac:dyDescent="0.15">
      <c r="A12" s="13"/>
      <c r="B12" s="13"/>
      <c r="C12" s="274" t="s">
        <v>326</v>
      </c>
      <c r="D12" s="274"/>
      <c r="E12" s="274"/>
      <c r="F12" s="274"/>
      <c r="G12" s="274"/>
      <c r="H12" s="274"/>
      <c r="I12" s="274"/>
      <c r="J12" s="44">
        <v>222179715</v>
      </c>
      <c r="K12" s="44">
        <v>0</v>
      </c>
      <c r="L12" s="44">
        <v>222179715</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C5:L5"/>
    <mergeCell ref="C6:L6"/>
    <mergeCell ref="A1:J1"/>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50" orientation="portrait" blackAndWhite="1" useFirstPageNumber="1" r:id="rId1"/>
  <headerFooter>
    <oddFooter>&amp;C&amp;"ＭＳ Ｐ明朝,標準"&amp;20&amp;P</oddFoot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23</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189184156</v>
      </c>
      <c r="S9" s="12"/>
      <c r="T9" s="2"/>
    </row>
    <row r="10" spans="1:20" ht="22.5" customHeight="1" x14ac:dyDescent="0.15">
      <c r="A10" s="21"/>
      <c r="B10" s="13" t="s">
        <v>118</v>
      </c>
      <c r="C10" s="13"/>
      <c r="D10" s="13"/>
      <c r="E10" s="13"/>
      <c r="F10" s="13"/>
      <c r="G10" s="13"/>
      <c r="H10" s="14">
        <v>11812154</v>
      </c>
      <c r="I10" s="54"/>
      <c r="J10" s="13"/>
      <c r="K10" s="21"/>
      <c r="L10" s="13"/>
      <c r="M10" s="13" t="s">
        <v>157</v>
      </c>
      <c r="N10" s="13"/>
      <c r="O10" s="13"/>
      <c r="P10" s="13"/>
      <c r="Q10" s="13"/>
      <c r="R10" s="14">
        <v>0</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189184156</v>
      </c>
      <c r="S15" s="54"/>
      <c r="T15" s="2"/>
    </row>
    <row r="16" spans="1:20" ht="22.5" customHeight="1" x14ac:dyDescent="0.15">
      <c r="A16" s="21"/>
      <c r="B16" s="13"/>
      <c r="C16" s="13" t="s">
        <v>124</v>
      </c>
      <c r="D16" s="13"/>
      <c r="E16" s="13"/>
      <c r="F16" s="13"/>
      <c r="G16" s="13"/>
      <c r="H16" s="14">
        <v>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7800359</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7800359</v>
      </c>
      <c r="I21" s="54"/>
      <c r="J21" s="13"/>
      <c r="K21" s="45" t="s">
        <v>164</v>
      </c>
      <c r="L21" s="47"/>
      <c r="M21" s="47"/>
      <c r="N21" s="47"/>
      <c r="O21" s="47"/>
      <c r="P21" s="47"/>
      <c r="Q21" s="47"/>
      <c r="R21" s="48">
        <v>66197238</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251095</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3760700</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11812154</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1520656</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10159887</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0</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0</v>
      </c>
      <c r="I31" s="54"/>
      <c r="J31" s="13"/>
      <c r="K31" s="21"/>
      <c r="L31" s="13" t="s">
        <v>170</v>
      </c>
      <c r="M31" s="13"/>
      <c r="N31" s="13"/>
      <c r="O31" s="13"/>
      <c r="P31" s="13"/>
      <c r="Q31" s="13"/>
      <c r="R31" s="14">
        <v>326020057</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217346705</v>
      </c>
      <c r="S32" s="54"/>
      <c r="T32" s="2"/>
    </row>
    <row r="33" spans="1:20" ht="22.5" customHeight="1" x14ac:dyDescent="0.15">
      <c r="A33" s="21"/>
      <c r="B33" s="13"/>
      <c r="C33" s="13" t="s">
        <v>140</v>
      </c>
      <c r="D33" s="13"/>
      <c r="E33" s="13"/>
      <c r="F33" s="13"/>
      <c r="G33" s="13"/>
      <c r="H33" s="14">
        <v>0</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131611</v>
      </c>
      <c r="I34" s="54"/>
      <c r="J34" s="13"/>
      <c r="K34" s="21"/>
      <c r="L34" s="13"/>
      <c r="M34" s="13" t="s">
        <v>173</v>
      </c>
      <c r="N34" s="13"/>
      <c r="O34" s="13"/>
      <c r="P34" s="13"/>
      <c r="Q34" s="13"/>
      <c r="R34" s="14">
        <v>0</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108673352</v>
      </c>
      <c r="S35" s="54"/>
      <c r="T35" s="2"/>
    </row>
    <row r="36" spans="1:20" ht="22.5" customHeight="1" x14ac:dyDescent="0.15">
      <c r="A36" s="21"/>
      <c r="B36" s="13"/>
      <c r="C36" s="13"/>
      <c r="D36" s="13" t="s">
        <v>143</v>
      </c>
      <c r="E36" s="13"/>
      <c r="F36" s="13"/>
      <c r="G36" s="13"/>
      <c r="H36" s="14">
        <v>131611</v>
      </c>
      <c r="I36" s="54"/>
      <c r="J36" s="13"/>
      <c r="K36" s="21"/>
      <c r="L36" s="13"/>
      <c r="M36" s="13"/>
      <c r="N36" s="13" t="s">
        <v>142</v>
      </c>
      <c r="O36" s="13"/>
      <c r="P36" s="13"/>
      <c r="Q36" s="13"/>
      <c r="R36" s="14">
        <v>108673352</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0</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326020057</v>
      </c>
      <c r="S40" s="52"/>
      <c r="T40" s="2"/>
    </row>
    <row r="41" spans="1:20" ht="22.5" customHeight="1" x14ac:dyDescent="0.15">
      <c r="A41" s="21"/>
      <c r="B41" s="13" t="s">
        <v>148</v>
      </c>
      <c r="C41" s="13"/>
      <c r="D41" s="13"/>
      <c r="E41" s="13"/>
      <c r="F41" s="13"/>
      <c r="G41" s="13"/>
      <c r="H41" s="14">
        <v>255381394</v>
      </c>
      <c r="I41" s="54"/>
      <c r="J41" s="13"/>
      <c r="K41" s="45" t="s">
        <v>176</v>
      </c>
      <c r="L41" s="47"/>
      <c r="M41" s="47"/>
      <c r="N41" s="47"/>
      <c r="O41" s="47"/>
      <c r="P41" s="47"/>
      <c r="Q41" s="47"/>
      <c r="R41" s="48">
        <v>-259822819</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491347869</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231525050</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255381394</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51" orientation="portrait" blackAndWhite="1" useFirstPageNumber="1" r:id="rId1"/>
  <headerFooter>
    <oddFooter>&amp;C&amp;"ＭＳ Ｐ明朝,標準"&amp;20&amp;P</oddFoot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7"/>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23</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3</v>
      </c>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245" t="s">
        <v>544</v>
      </c>
      <c r="D30" s="245"/>
      <c r="E30" s="245"/>
      <c r="F30" s="246"/>
    </row>
    <row r="31" spans="2:6" s="172" customFormat="1" ht="20.25" x14ac:dyDescent="0.15">
      <c r="B31" s="168"/>
      <c r="C31" s="246"/>
      <c r="D31" s="246"/>
      <c r="E31" s="246"/>
      <c r="F31" s="246"/>
    </row>
    <row r="32" spans="2:6" s="172" customFormat="1" ht="20.25" x14ac:dyDescent="0.15">
      <c r="B32" s="168" t="s">
        <v>376</v>
      </c>
      <c r="C32" s="246"/>
      <c r="D32" s="246"/>
      <c r="E32" s="246"/>
      <c r="F32" s="246"/>
    </row>
    <row r="33" spans="2:6" s="172" customFormat="1" ht="20.25" customHeight="1" x14ac:dyDescent="0.15">
      <c r="B33" s="168"/>
      <c r="C33" s="245"/>
      <c r="D33" s="245"/>
      <c r="E33" s="245"/>
      <c r="F33" s="246"/>
    </row>
    <row r="34" spans="2:6" s="172" customFormat="1" ht="20.25" x14ac:dyDescent="0.15">
      <c r="B34" s="168"/>
      <c r="C34" s="217" t="s">
        <v>545</v>
      </c>
      <c r="D34" s="217"/>
      <c r="E34" s="217"/>
    </row>
    <row r="35" spans="2:6" s="172" customFormat="1" ht="37.5" customHeight="1" x14ac:dyDescent="0.15">
      <c r="B35" s="168"/>
      <c r="C35" s="228"/>
      <c r="D35" s="224"/>
      <c r="E35" s="222"/>
    </row>
    <row r="36" spans="2:6" s="172" customFormat="1" ht="37.5" customHeight="1" x14ac:dyDescent="0.15">
      <c r="B36" s="168"/>
      <c r="C36" s="228"/>
      <c r="D36" s="229"/>
      <c r="E36" s="222"/>
    </row>
    <row r="37" spans="2:6" s="172" customFormat="1" ht="37.5" customHeight="1" x14ac:dyDescent="0.15">
      <c r="B37" s="168"/>
      <c r="C37" s="228"/>
      <c r="D37" s="225"/>
      <c r="E37" s="222"/>
    </row>
    <row r="38" spans="2:6" s="172" customFormat="1" ht="37.5" customHeight="1" x14ac:dyDescent="0.15">
      <c r="B38" s="168"/>
      <c r="C38" s="224"/>
      <c r="D38" s="225"/>
      <c r="E38" s="222"/>
    </row>
    <row r="39" spans="2:6" s="172" customFormat="1" ht="20.25" x14ac:dyDescent="0.15">
      <c r="B39" s="168"/>
      <c r="C39" s="177"/>
      <c r="D39" s="177"/>
    </row>
    <row r="40" spans="2:6" s="172" customFormat="1" ht="20.25" x14ac:dyDescent="0.15">
      <c r="B40" s="168"/>
    </row>
    <row r="41" spans="2:6" s="172" customFormat="1" ht="20.25" customHeight="1" x14ac:dyDescent="0.15">
      <c r="B41" s="168"/>
      <c r="C41" s="217"/>
      <c r="D41" s="217"/>
      <c r="E41" s="217"/>
    </row>
    <row r="42" spans="2:6" s="172" customFormat="1" ht="20.25" x14ac:dyDescent="0.15">
      <c r="B42" s="168"/>
      <c r="C42" s="227"/>
      <c r="D42" s="227"/>
      <c r="E42" s="227"/>
      <c r="F42" s="222"/>
    </row>
    <row r="43" spans="2:6" s="172" customFormat="1" ht="20.25" customHeight="1" x14ac:dyDescent="0.15">
      <c r="B43" s="168"/>
      <c r="C43" s="227"/>
      <c r="D43" s="227"/>
      <c r="E43" s="227"/>
      <c r="F43" s="222"/>
    </row>
    <row r="44" spans="2:6" s="172" customFormat="1" ht="20.25" x14ac:dyDescent="0.15">
      <c r="B44" s="168"/>
      <c r="C44" s="222"/>
      <c r="D44" s="222"/>
      <c r="E44" s="222"/>
      <c r="F44" s="222"/>
    </row>
    <row r="45" spans="2:6" s="172" customFormat="1" ht="20.25" x14ac:dyDescent="0.15">
      <c r="B45" s="168"/>
      <c r="C45" s="222"/>
      <c r="D45" s="222"/>
      <c r="E45" s="223"/>
      <c r="F45" s="222"/>
    </row>
    <row r="46" spans="2:6" s="172" customFormat="1" ht="20.25" x14ac:dyDescent="0.15">
      <c r="B46" s="168"/>
      <c r="C46" s="224"/>
      <c r="D46" s="224"/>
      <c r="E46" s="224"/>
      <c r="F46" s="222"/>
    </row>
    <row r="47" spans="2:6" s="172" customFormat="1" ht="93" customHeight="1" x14ac:dyDescent="0.15">
      <c r="B47" s="168"/>
      <c r="C47" s="224"/>
      <c r="D47" s="225"/>
      <c r="E47" s="226"/>
      <c r="F47" s="222"/>
    </row>
    <row r="48" spans="2:6" s="172" customFormat="1" ht="20.25" customHeight="1" x14ac:dyDescent="0.15">
      <c r="B48" s="168"/>
      <c r="C48" s="222"/>
      <c r="D48" s="222"/>
      <c r="E48" s="222"/>
      <c r="F48" s="222"/>
    </row>
    <row r="49" spans="2:6" s="172" customFormat="1" ht="20.25" x14ac:dyDescent="0.15">
      <c r="B49" s="168"/>
      <c r="C49" s="177"/>
      <c r="D49" s="177"/>
      <c r="E49" s="177"/>
      <c r="F49" s="222"/>
    </row>
    <row r="50" spans="2:6" s="172" customFormat="1" ht="20.25" customHeight="1" x14ac:dyDescent="0.15">
      <c r="B50" s="168"/>
      <c r="C50" s="350"/>
      <c r="D50" s="350"/>
      <c r="E50" s="350"/>
      <c r="F50" s="222"/>
    </row>
    <row r="51" spans="2:6" s="172" customFormat="1" ht="20.25" customHeight="1" x14ac:dyDescent="0.15">
      <c r="B51" s="168"/>
      <c r="C51" s="350"/>
      <c r="D51" s="350"/>
      <c r="E51" s="350"/>
      <c r="F51" s="222"/>
    </row>
    <row r="52" spans="2:6" s="172" customFormat="1" ht="20.25" customHeight="1" x14ac:dyDescent="0.15">
      <c r="B52" s="168"/>
      <c r="C52" s="349"/>
      <c r="D52" s="349"/>
      <c r="E52" s="349"/>
      <c r="F52" s="222"/>
    </row>
    <row r="53" spans="2:6" s="172" customFormat="1" ht="20.25" customHeight="1" x14ac:dyDescent="0.15">
      <c r="B53" s="168"/>
      <c r="C53" s="227"/>
      <c r="D53" s="227"/>
      <c r="E53" s="227"/>
      <c r="F53" s="222"/>
    </row>
    <row r="54" spans="2:6" s="172" customFormat="1" ht="20.25" customHeight="1" x14ac:dyDescent="0.15">
      <c r="B54" s="181"/>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282"/>
      <c r="D58" s="282"/>
      <c r="E58" s="282"/>
    </row>
    <row r="59" spans="2:6" s="172" customFormat="1" ht="20.25" customHeight="1" x14ac:dyDescent="0.15">
      <c r="B59" s="168"/>
      <c r="C59" s="283"/>
      <c r="D59" s="283"/>
      <c r="E59" s="217"/>
    </row>
    <row r="60" spans="2:6" s="172" customFormat="1" ht="20.25" customHeight="1" x14ac:dyDescent="0.15">
      <c r="B60" s="181"/>
      <c r="C60" s="281"/>
      <c r="D60" s="281"/>
      <c r="E60" s="281"/>
    </row>
    <row r="61" spans="2:6" s="172" customFormat="1" ht="20.25" customHeight="1" x14ac:dyDescent="0.15">
      <c r="B61" s="168"/>
      <c r="C61" s="281"/>
      <c r="D61" s="281"/>
      <c r="E61" s="281"/>
    </row>
    <row r="62" spans="2:6" s="172" customFormat="1" ht="20.25" customHeight="1" x14ac:dyDescent="0.15">
      <c r="B62" s="168"/>
      <c r="C62" s="217"/>
      <c r="D62" s="217"/>
      <c r="E62" s="217"/>
    </row>
    <row r="63" spans="2:6" s="172" customFormat="1" ht="20.25" customHeight="1" x14ac:dyDescent="0.15">
      <c r="B63" s="168"/>
      <c r="C63" s="217"/>
      <c r="D63" s="217"/>
      <c r="E63" s="217"/>
    </row>
    <row r="64" spans="2:6" s="172" customFormat="1" ht="48" customHeight="1" x14ac:dyDescent="0.15">
      <c r="B64" s="168"/>
      <c r="C64" s="182"/>
      <c r="D64" s="182"/>
      <c r="E64" s="182"/>
    </row>
    <row r="65" spans="3:5" s="198" customFormat="1" ht="22.5" customHeight="1" x14ac:dyDescent="0.15">
      <c r="C65" s="195"/>
      <c r="D65" s="195"/>
      <c r="E65" s="195"/>
    </row>
    <row r="66" spans="3:5" s="198" customFormat="1" ht="22.5" customHeight="1" x14ac:dyDescent="0.15">
      <c r="C66" s="195"/>
      <c r="D66" s="195"/>
      <c r="E66" s="195"/>
    </row>
    <row r="67" spans="3:5" s="198" customFormat="1" ht="21" customHeight="1" x14ac:dyDescent="0.15">
      <c r="C67" s="195"/>
      <c r="D67" s="195"/>
      <c r="E67" s="195"/>
    </row>
  </sheetData>
  <mergeCells count="16">
    <mergeCell ref="D12:E12"/>
    <mergeCell ref="A1:C1"/>
    <mergeCell ref="B5:E5"/>
    <mergeCell ref="D9:E9"/>
    <mergeCell ref="D10:E10"/>
    <mergeCell ref="D11:E11"/>
    <mergeCell ref="C54:E57"/>
    <mergeCell ref="C58:E58"/>
    <mergeCell ref="C59:D59"/>
    <mergeCell ref="C60:E61"/>
    <mergeCell ref="B13:E13"/>
    <mergeCell ref="B17:E17"/>
    <mergeCell ref="D21:E21"/>
    <mergeCell ref="D22:E22"/>
    <mergeCell ref="C50:E51"/>
    <mergeCell ref="C52:E52"/>
  </mergeCells>
  <phoneticPr fontId="24"/>
  <printOptions horizontalCentered="1"/>
  <pageMargins left="0.19685039370078741" right="0.19685039370078741" top="0.31496062992125984" bottom="0.19685039370078741" header="0.11811023622047245" footer="0.11811023622047245"/>
  <pageSetup paperSize="9" scale="58" firstPageNumber="52" fitToHeight="0" orientation="portrait" useFirstPageNumber="1" r:id="rId1"/>
  <headerFooter>
    <oddFooter>&amp;C&amp;"ＭＳ Ｐ明朝,標準"&amp;20&amp;P</oddFooter>
  </headerFooter>
  <rowBreaks count="1" manualBreakCount="1">
    <brk id="12" max="5"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1"/>
  <sheetViews>
    <sheetView showGridLines="0" view="pageBreakPreview" zoomScaleNormal="70" zoomScaleSheetLayoutView="100" workbookViewId="0">
      <selection sqref="A1:G1"/>
    </sheetView>
  </sheetViews>
  <sheetFormatPr defaultColWidth="8.875" defaultRowHeight="18.75" x14ac:dyDescent="0.15"/>
  <cols>
    <col min="1" max="1" width="35.625" style="136" customWidth="1"/>
    <col min="2" max="7" width="3.5" style="136" customWidth="1"/>
    <col min="8" max="8" width="110.625" style="136" customWidth="1"/>
    <col min="9" max="12" width="32.625" style="136" customWidth="1"/>
    <col min="13" max="13" width="35.625" style="136" customWidth="1"/>
    <col min="14" max="14" width="23.625" style="136" customWidth="1"/>
    <col min="15" max="250" width="8.875" style="136"/>
    <col min="251" max="257" width="3.5" style="136" customWidth="1"/>
    <col min="258" max="258" width="15.625" style="136" customWidth="1"/>
    <col min="259" max="265" width="25.625" style="136" customWidth="1"/>
    <col min="266" max="506" width="8.875" style="136"/>
    <col min="507" max="513" width="3.5" style="136" customWidth="1"/>
    <col min="514" max="514" width="15.625" style="136" customWidth="1"/>
    <col min="515" max="521" width="25.625" style="136" customWidth="1"/>
    <col min="522" max="762" width="8.875" style="136"/>
    <col min="763" max="769" width="3.5" style="136" customWidth="1"/>
    <col min="770" max="770" width="15.625" style="136" customWidth="1"/>
    <col min="771" max="777" width="25.625" style="136" customWidth="1"/>
    <col min="778" max="1018" width="8.875" style="136"/>
    <col min="1019" max="1025" width="3.5" style="136" customWidth="1"/>
    <col min="1026" max="1026" width="15.625" style="136" customWidth="1"/>
    <col min="1027" max="1033" width="25.625" style="136" customWidth="1"/>
    <col min="1034" max="1274" width="8.875" style="136"/>
    <col min="1275" max="1281" width="3.5" style="136" customWidth="1"/>
    <col min="1282" max="1282" width="15.625" style="136" customWidth="1"/>
    <col min="1283" max="1289" width="25.625" style="136" customWidth="1"/>
    <col min="1290" max="1530" width="8.875" style="136"/>
    <col min="1531" max="1537" width="3.5" style="136" customWidth="1"/>
    <col min="1538" max="1538" width="15.625" style="136" customWidth="1"/>
    <col min="1539" max="1545" width="25.625" style="136" customWidth="1"/>
    <col min="1546" max="1786" width="8.875" style="136"/>
    <col min="1787" max="1793" width="3.5" style="136" customWidth="1"/>
    <col min="1794" max="1794" width="15.625" style="136" customWidth="1"/>
    <col min="1795" max="1801" width="25.625" style="136" customWidth="1"/>
    <col min="1802" max="2042" width="8.875" style="136"/>
    <col min="2043" max="2049" width="3.5" style="136" customWidth="1"/>
    <col min="2050" max="2050" width="15.625" style="136" customWidth="1"/>
    <col min="2051" max="2057" width="25.625" style="136" customWidth="1"/>
    <col min="2058" max="2298" width="8.875" style="136"/>
    <col min="2299" max="2305" width="3.5" style="136" customWidth="1"/>
    <col min="2306" max="2306" width="15.625" style="136" customWidth="1"/>
    <col min="2307" max="2313" width="25.625" style="136" customWidth="1"/>
    <col min="2314" max="2554" width="8.875" style="136"/>
    <col min="2555" max="2561" width="3.5" style="136" customWidth="1"/>
    <col min="2562" max="2562" width="15.625" style="136" customWidth="1"/>
    <col min="2563" max="2569" width="25.625" style="136" customWidth="1"/>
    <col min="2570" max="2810" width="8.875" style="136"/>
    <col min="2811" max="2817" width="3.5" style="136" customWidth="1"/>
    <col min="2818" max="2818" width="15.625" style="136" customWidth="1"/>
    <col min="2819" max="2825" width="25.625" style="136" customWidth="1"/>
    <col min="2826" max="3066" width="8.875" style="136"/>
    <col min="3067" max="3073" width="3.5" style="136" customWidth="1"/>
    <col min="3074" max="3074" width="15.625" style="136" customWidth="1"/>
    <col min="3075" max="3081" width="25.625" style="136" customWidth="1"/>
    <col min="3082" max="3322" width="8.875" style="136"/>
    <col min="3323" max="3329" width="3.5" style="136" customWidth="1"/>
    <col min="3330" max="3330" width="15.625" style="136" customWidth="1"/>
    <col min="3331" max="3337" width="25.625" style="136" customWidth="1"/>
    <col min="3338" max="3578" width="8.875" style="136"/>
    <col min="3579" max="3585" width="3.5" style="136" customWidth="1"/>
    <col min="3586" max="3586" width="15.625" style="136" customWidth="1"/>
    <col min="3587" max="3593" width="25.625" style="136" customWidth="1"/>
    <col min="3594" max="3834" width="8.875" style="136"/>
    <col min="3835" max="3841" width="3.5" style="136" customWidth="1"/>
    <col min="3842" max="3842" width="15.625" style="136" customWidth="1"/>
    <col min="3843" max="3849" width="25.625" style="136" customWidth="1"/>
    <col min="3850" max="4090" width="8.875" style="136"/>
    <col min="4091" max="4097" width="3.5" style="136" customWidth="1"/>
    <col min="4098" max="4098" width="15.625" style="136" customWidth="1"/>
    <col min="4099" max="4105" width="25.625" style="136" customWidth="1"/>
    <col min="4106" max="4346" width="8.875" style="136"/>
    <col min="4347" max="4353" width="3.5" style="136" customWidth="1"/>
    <col min="4354" max="4354" width="15.625" style="136" customWidth="1"/>
    <col min="4355" max="4361" width="25.625" style="136" customWidth="1"/>
    <col min="4362" max="4602" width="8.875" style="136"/>
    <col min="4603" max="4609" width="3.5" style="136" customWidth="1"/>
    <col min="4610" max="4610" width="15.625" style="136" customWidth="1"/>
    <col min="4611" max="4617" width="25.625" style="136" customWidth="1"/>
    <col min="4618" max="4858" width="8.875" style="136"/>
    <col min="4859" max="4865" width="3.5" style="136" customWidth="1"/>
    <col min="4866" max="4866" width="15.625" style="136" customWidth="1"/>
    <col min="4867" max="4873" width="25.625" style="136" customWidth="1"/>
    <col min="4874" max="5114" width="8.875" style="136"/>
    <col min="5115" max="5121" width="3.5" style="136" customWidth="1"/>
    <col min="5122" max="5122" width="15.625" style="136" customWidth="1"/>
    <col min="5123" max="5129" width="25.625" style="136" customWidth="1"/>
    <col min="5130" max="5370" width="8.875" style="136"/>
    <col min="5371" max="5377" width="3.5" style="136" customWidth="1"/>
    <col min="5378" max="5378" width="15.625" style="136" customWidth="1"/>
    <col min="5379" max="5385" width="25.625" style="136" customWidth="1"/>
    <col min="5386" max="5626" width="8.875" style="136"/>
    <col min="5627" max="5633" width="3.5" style="136" customWidth="1"/>
    <col min="5634" max="5634" width="15.625" style="136" customWidth="1"/>
    <col min="5635" max="5641" width="25.625" style="136" customWidth="1"/>
    <col min="5642" max="5882" width="8.875" style="136"/>
    <col min="5883" max="5889" width="3.5" style="136" customWidth="1"/>
    <col min="5890" max="5890" width="15.625" style="136" customWidth="1"/>
    <col min="5891" max="5897" width="25.625" style="136" customWidth="1"/>
    <col min="5898" max="6138" width="8.875" style="136"/>
    <col min="6139" max="6145" width="3.5" style="136" customWidth="1"/>
    <col min="6146" max="6146" width="15.625" style="136" customWidth="1"/>
    <col min="6147" max="6153" width="25.625" style="136" customWidth="1"/>
    <col min="6154" max="6394" width="8.875" style="136"/>
    <col min="6395" max="6401" width="3.5" style="136" customWidth="1"/>
    <col min="6402" max="6402" width="15.625" style="136" customWidth="1"/>
    <col min="6403" max="6409" width="25.625" style="136" customWidth="1"/>
    <col min="6410" max="6650" width="8.875" style="136"/>
    <col min="6651" max="6657" width="3.5" style="136" customWidth="1"/>
    <col min="6658" max="6658" width="15.625" style="136" customWidth="1"/>
    <col min="6659" max="6665" width="25.625" style="136" customWidth="1"/>
    <col min="6666" max="6906" width="8.875" style="136"/>
    <col min="6907" max="6913" width="3.5" style="136" customWidth="1"/>
    <col min="6914" max="6914" width="15.625" style="136" customWidth="1"/>
    <col min="6915" max="6921" width="25.625" style="136" customWidth="1"/>
    <col min="6922" max="7162" width="8.875" style="136"/>
    <col min="7163" max="7169" width="3.5" style="136" customWidth="1"/>
    <col min="7170" max="7170" width="15.625" style="136" customWidth="1"/>
    <col min="7171" max="7177" width="25.625" style="136" customWidth="1"/>
    <col min="7178" max="7418" width="8.875" style="136"/>
    <col min="7419" max="7425" width="3.5" style="136" customWidth="1"/>
    <col min="7426" max="7426" width="15.625" style="136" customWidth="1"/>
    <col min="7427" max="7433" width="25.625" style="136" customWidth="1"/>
    <col min="7434" max="7674" width="8.875" style="136"/>
    <col min="7675" max="7681" width="3.5" style="136" customWidth="1"/>
    <col min="7682" max="7682" width="15.625" style="136" customWidth="1"/>
    <col min="7683" max="7689" width="25.625" style="136" customWidth="1"/>
    <col min="7690" max="7930" width="8.875" style="136"/>
    <col min="7931" max="7937" width="3.5" style="136" customWidth="1"/>
    <col min="7938" max="7938" width="15.625" style="136" customWidth="1"/>
    <col min="7939" max="7945" width="25.625" style="136" customWidth="1"/>
    <col min="7946" max="8186" width="8.875" style="136"/>
    <col min="8187" max="8193" width="3.5" style="136" customWidth="1"/>
    <col min="8194" max="8194" width="15.625" style="136" customWidth="1"/>
    <col min="8195" max="8201" width="25.625" style="136" customWidth="1"/>
    <col min="8202" max="8442" width="8.875" style="136"/>
    <col min="8443" max="8449" width="3.5" style="136" customWidth="1"/>
    <col min="8450" max="8450" width="15.625" style="136" customWidth="1"/>
    <col min="8451" max="8457" width="25.625" style="136" customWidth="1"/>
    <col min="8458" max="8698" width="8.875" style="136"/>
    <col min="8699" max="8705" width="3.5" style="136" customWidth="1"/>
    <col min="8706" max="8706" width="15.625" style="136" customWidth="1"/>
    <col min="8707" max="8713" width="25.625" style="136" customWidth="1"/>
    <col min="8714" max="8954" width="8.875" style="136"/>
    <col min="8955" max="8961" width="3.5" style="136" customWidth="1"/>
    <col min="8962" max="8962" width="15.625" style="136" customWidth="1"/>
    <col min="8963" max="8969" width="25.625" style="136" customWidth="1"/>
    <col min="8970" max="9210" width="8.875" style="136"/>
    <col min="9211" max="9217" width="3.5" style="136" customWidth="1"/>
    <col min="9218" max="9218" width="15.625" style="136" customWidth="1"/>
    <col min="9219" max="9225" width="25.625" style="136" customWidth="1"/>
    <col min="9226" max="9466" width="8.875" style="136"/>
    <col min="9467" max="9473" width="3.5" style="136" customWidth="1"/>
    <col min="9474" max="9474" width="15.625" style="136" customWidth="1"/>
    <col min="9475" max="9481" width="25.625" style="136" customWidth="1"/>
    <col min="9482" max="9722" width="8.875" style="136"/>
    <col min="9723" max="9729" width="3.5" style="136" customWidth="1"/>
    <col min="9730" max="9730" width="15.625" style="136" customWidth="1"/>
    <col min="9731" max="9737" width="25.625" style="136" customWidth="1"/>
    <col min="9738" max="9978" width="8.875" style="136"/>
    <col min="9979" max="9985" width="3.5" style="136" customWidth="1"/>
    <col min="9986" max="9986" width="15.625" style="136" customWidth="1"/>
    <col min="9987" max="9993" width="25.625" style="136" customWidth="1"/>
    <col min="9994" max="10234" width="8.875" style="136"/>
    <col min="10235" max="10241" width="3.5" style="136" customWidth="1"/>
    <col min="10242" max="10242" width="15.625" style="136" customWidth="1"/>
    <col min="10243" max="10249" width="25.625" style="136" customWidth="1"/>
    <col min="10250" max="10490" width="8.875" style="136"/>
    <col min="10491" max="10497" width="3.5" style="136" customWidth="1"/>
    <col min="10498" max="10498" width="15.625" style="136" customWidth="1"/>
    <col min="10499" max="10505" width="25.625" style="136" customWidth="1"/>
    <col min="10506" max="10746" width="8.875" style="136"/>
    <col min="10747" max="10753" width="3.5" style="136" customWidth="1"/>
    <col min="10754" max="10754" width="15.625" style="136" customWidth="1"/>
    <col min="10755" max="10761" width="25.625" style="136" customWidth="1"/>
    <col min="10762" max="11002" width="8.875" style="136"/>
    <col min="11003" max="11009" width="3.5" style="136" customWidth="1"/>
    <col min="11010" max="11010" width="15.625" style="136" customWidth="1"/>
    <col min="11011" max="11017" width="25.625" style="136" customWidth="1"/>
    <col min="11018" max="11258" width="8.875" style="136"/>
    <col min="11259" max="11265" width="3.5" style="136" customWidth="1"/>
    <col min="11266" max="11266" width="15.625" style="136" customWidth="1"/>
    <col min="11267" max="11273" width="25.625" style="136" customWidth="1"/>
    <col min="11274" max="11514" width="8.875" style="136"/>
    <col min="11515" max="11521" width="3.5" style="136" customWidth="1"/>
    <col min="11522" max="11522" width="15.625" style="136" customWidth="1"/>
    <col min="11523" max="11529" width="25.625" style="136" customWidth="1"/>
    <col min="11530" max="11770" width="8.875" style="136"/>
    <col min="11771" max="11777" width="3.5" style="136" customWidth="1"/>
    <col min="11778" max="11778" width="15.625" style="136" customWidth="1"/>
    <col min="11779" max="11785" width="25.625" style="136" customWidth="1"/>
    <col min="11786" max="12026" width="8.875" style="136"/>
    <col min="12027" max="12033" width="3.5" style="136" customWidth="1"/>
    <col min="12034" max="12034" width="15.625" style="136" customWidth="1"/>
    <col min="12035" max="12041" width="25.625" style="136" customWidth="1"/>
    <col min="12042" max="12282" width="8.875" style="136"/>
    <col min="12283" max="12289" width="3.5" style="136" customWidth="1"/>
    <col min="12290" max="12290" width="15.625" style="136" customWidth="1"/>
    <col min="12291" max="12297" width="25.625" style="136" customWidth="1"/>
    <col min="12298" max="12538" width="8.875" style="136"/>
    <col min="12539" max="12545" width="3.5" style="136" customWidth="1"/>
    <col min="12546" max="12546" width="15.625" style="136" customWidth="1"/>
    <col min="12547" max="12553" width="25.625" style="136" customWidth="1"/>
    <col min="12554" max="12794" width="8.875" style="136"/>
    <col min="12795" max="12801" width="3.5" style="136" customWidth="1"/>
    <col min="12802" max="12802" width="15.625" style="136" customWidth="1"/>
    <col min="12803" max="12809" width="25.625" style="136" customWidth="1"/>
    <col min="12810" max="13050" width="8.875" style="136"/>
    <col min="13051" max="13057" width="3.5" style="136" customWidth="1"/>
    <col min="13058" max="13058" width="15.625" style="136" customWidth="1"/>
    <col min="13059" max="13065" width="25.625" style="136" customWidth="1"/>
    <col min="13066" max="13306" width="8.875" style="136"/>
    <col min="13307" max="13313" width="3.5" style="136" customWidth="1"/>
    <col min="13314" max="13314" width="15.625" style="136" customWidth="1"/>
    <col min="13315" max="13321" width="25.625" style="136" customWidth="1"/>
    <col min="13322" max="13562" width="8.875" style="136"/>
    <col min="13563" max="13569" width="3.5" style="136" customWidth="1"/>
    <col min="13570" max="13570" width="15.625" style="136" customWidth="1"/>
    <col min="13571" max="13577" width="25.625" style="136" customWidth="1"/>
    <col min="13578" max="13818" width="8.875" style="136"/>
    <col min="13819" max="13825" width="3.5" style="136" customWidth="1"/>
    <col min="13826" max="13826" width="15.625" style="136" customWidth="1"/>
    <col min="13827" max="13833" width="25.625" style="136" customWidth="1"/>
    <col min="13834" max="14074" width="8.875" style="136"/>
    <col min="14075" max="14081" width="3.5" style="136" customWidth="1"/>
    <col min="14082" max="14082" width="15.625" style="136" customWidth="1"/>
    <col min="14083" max="14089" width="25.625" style="136" customWidth="1"/>
    <col min="14090" max="14330" width="8.875" style="136"/>
    <col min="14331" max="14337" width="3.5" style="136" customWidth="1"/>
    <col min="14338" max="14338" width="15.625" style="136" customWidth="1"/>
    <col min="14339" max="14345" width="25.625" style="136" customWidth="1"/>
    <col min="14346" max="14586" width="8.875" style="136"/>
    <col min="14587" max="14593" width="3.5" style="136" customWidth="1"/>
    <col min="14594" max="14594" width="15.625" style="136" customWidth="1"/>
    <col min="14595" max="14601" width="25.625" style="136" customWidth="1"/>
    <col min="14602" max="14842" width="8.875" style="136"/>
    <col min="14843" max="14849" width="3.5" style="136" customWidth="1"/>
    <col min="14850" max="14850" width="15.625" style="136" customWidth="1"/>
    <col min="14851" max="14857" width="25.625" style="136" customWidth="1"/>
    <col min="14858" max="15098" width="8.875" style="136"/>
    <col min="15099" max="15105" width="3.5" style="136" customWidth="1"/>
    <col min="15106" max="15106" width="15.625" style="136" customWidth="1"/>
    <col min="15107" max="15113" width="25.625" style="136" customWidth="1"/>
    <col min="15114" max="15354" width="8.875" style="136"/>
    <col min="15355" max="15361" width="3.5" style="136" customWidth="1"/>
    <col min="15362" max="15362" width="15.625" style="136" customWidth="1"/>
    <col min="15363" max="15369" width="25.625" style="136" customWidth="1"/>
    <col min="15370" max="15610" width="8.875" style="136"/>
    <col min="15611" max="15617" width="3.5" style="136" customWidth="1"/>
    <col min="15618" max="15618" width="15.625" style="136" customWidth="1"/>
    <col min="15619" max="15625" width="25.625" style="136" customWidth="1"/>
    <col min="15626" max="15866" width="8.875" style="136"/>
    <col min="15867" max="15873" width="3.5" style="136" customWidth="1"/>
    <col min="15874" max="15874" width="15.625" style="136" customWidth="1"/>
    <col min="15875" max="15881" width="25.625" style="136" customWidth="1"/>
    <col min="15882" max="16122" width="8.875" style="136"/>
    <col min="16123" max="16129" width="3.5" style="136" customWidth="1"/>
    <col min="16130" max="16130" width="15.625" style="136" customWidth="1"/>
    <col min="16131" max="16137" width="25.625" style="136" customWidth="1"/>
    <col min="16138" max="16384" width="8.875" style="136"/>
  </cols>
  <sheetData>
    <row r="1" spans="1:18" s="102" customFormat="1" ht="22.5" customHeight="1" x14ac:dyDescent="0.15">
      <c r="A1" s="275" t="s">
        <v>523</v>
      </c>
      <c r="B1" s="275"/>
      <c r="C1" s="275"/>
      <c r="D1" s="275"/>
      <c r="E1" s="275"/>
      <c r="F1" s="275"/>
      <c r="G1" s="275"/>
      <c r="H1" s="160"/>
      <c r="I1" s="160"/>
      <c r="J1" s="160"/>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293" t="s">
        <v>351</v>
      </c>
      <c r="B5" s="293"/>
      <c r="C5" s="293"/>
      <c r="D5" s="293"/>
      <c r="E5" s="293"/>
      <c r="F5" s="293"/>
      <c r="G5" s="293"/>
      <c r="H5" s="293"/>
      <c r="I5" s="294" t="s">
        <v>280</v>
      </c>
      <c r="J5" s="294"/>
      <c r="K5" s="294"/>
      <c r="L5" s="294"/>
      <c r="M5" s="294"/>
      <c r="N5" s="239"/>
      <c r="O5" s="239"/>
      <c r="P5" s="239"/>
    </row>
    <row r="6" spans="1:18" s="74" customFormat="1" x14ac:dyDescent="0.15"/>
    <row r="7" spans="1:18" s="74" customFormat="1" x14ac:dyDescent="0.15"/>
    <row r="8" spans="1:18" s="74" customFormat="1" x14ac:dyDescent="0.15"/>
    <row r="9" spans="1:18" s="74" customFormat="1" x14ac:dyDescent="0.15"/>
    <row r="10" spans="1:18" s="74" customFormat="1" x14ac:dyDescent="0.15"/>
    <row r="11" spans="1:18" s="74" customFormat="1" x14ac:dyDescent="0.15"/>
    <row r="12" spans="1:18" s="74" customFormat="1" ht="18.75" customHeight="1" x14ac:dyDescent="0.15">
      <c r="B12" s="291" t="s">
        <v>283</v>
      </c>
      <c r="C12" s="291"/>
      <c r="D12" s="291"/>
      <c r="E12" s="291"/>
      <c r="F12" s="291"/>
      <c r="G12" s="291"/>
      <c r="H12" s="291"/>
      <c r="I12" s="292" t="s">
        <v>284</v>
      </c>
      <c r="J12" s="292"/>
      <c r="K12" s="292"/>
      <c r="L12" s="292"/>
      <c r="M12" s="292"/>
      <c r="N12" s="240"/>
      <c r="O12" s="240"/>
    </row>
    <row r="13" spans="1:18" s="74" customFormat="1" ht="23.25" customHeight="1" x14ac:dyDescent="0.15">
      <c r="B13" s="291"/>
      <c r="C13" s="291"/>
      <c r="D13" s="291"/>
      <c r="E13" s="291"/>
      <c r="F13" s="291"/>
      <c r="G13" s="291"/>
      <c r="H13" s="291"/>
      <c r="I13" s="292"/>
      <c r="J13" s="292"/>
      <c r="K13" s="292"/>
      <c r="L13" s="292"/>
      <c r="M13" s="292"/>
      <c r="N13" s="240"/>
      <c r="O13" s="240"/>
    </row>
    <row r="14" spans="1:18" s="148" customFormat="1" ht="21.95" customHeight="1" x14ac:dyDescent="0.15">
      <c r="A14" s="237"/>
      <c r="B14" s="237"/>
      <c r="C14" s="237"/>
      <c r="D14" s="237"/>
      <c r="E14" s="237"/>
      <c r="F14" s="237"/>
      <c r="G14" s="237"/>
      <c r="H14" s="237"/>
      <c r="I14" s="238"/>
      <c r="J14" s="238"/>
      <c r="K14" s="238"/>
      <c r="L14" s="238"/>
      <c r="M14" s="238"/>
      <c r="N14" s="159"/>
      <c r="O14" s="159"/>
      <c r="P14" s="159"/>
      <c r="Q14" s="159"/>
      <c r="R14" s="159"/>
    </row>
    <row r="15" spans="1:18" x14ac:dyDescent="0.15">
      <c r="L15" s="94" t="s">
        <v>219</v>
      </c>
    </row>
    <row r="16" spans="1:18" ht="21.75" customHeight="1" x14ac:dyDescent="0.15">
      <c r="B16" s="309" t="s">
        <v>262</v>
      </c>
      <c r="C16" s="310"/>
      <c r="D16" s="310"/>
      <c r="E16" s="310"/>
      <c r="F16" s="310"/>
      <c r="G16" s="310"/>
      <c r="H16" s="311"/>
      <c r="I16" s="334" t="s">
        <v>263</v>
      </c>
      <c r="J16" s="335"/>
      <c r="K16" s="306" t="s">
        <v>264</v>
      </c>
      <c r="L16" s="308"/>
    </row>
    <row r="17" spans="2:12" ht="21.95" customHeight="1" x14ac:dyDescent="0.15">
      <c r="B17" s="312"/>
      <c r="C17" s="313"/>
      <c r="D17" s="313"/>
      <c r="E17" s="313"/>
      <c r="F17" s="313"/>
      <c r="G17" s="313"/>
      <c r="H17" s="314"/>
      <c r="I17" s="221" t="s">
        <v>237</v>
      </c>
      <c r="J17" s="221" t="s">
        <v>266</v>
      </c>
      <c r="K17" s="221" t="s">
        <v>237</v>
      </c>
      <c r="L17" s="221" t="s">
        <v>266</v>
      </c>
    </row>
    <row r="18" spans="2:12" ht="21.75" customHeight="1" x14ac:dyDescent="0.15">
      <c r="B18" s="319" t="s">
        <v>524</v>
      </c>
      <c r="C18" s="320"/>
      <c r="D18" s="320"/>
      <c r="E18" s="320"/>
      <c r="F18" s="320"/>
      <c r="G18" s="320"/>
      <c r="H18" s="321"/>
      <c r="I18" s="146">
        <v>1962351143</v>
      </c>
      <c r="J18" s="146">
        <v>-312988257</v>
      </c>
      <c r="K18" s="146">
        <v>269250811</v>
      </c>
      <c r="L18" s="146">
        <v>-66939685</v>
      </c>
    </row>
    <row r="19" spans="2:12" ht="21.95" customHeight="1" x14ac:dyDescent="0.15">
      <c r="B19" s="319" t="s">
        <v>525</v>
      </c>
      <c r="C19" s="320"/>
      <c r="D19" s="320"/>
      <c r="E19" s="320"/>
      <c r="F19" s="320"/>
      <c r="G19" s="320"/>
      <c r="H19" s="321"/>
      <c r="I19" s="146">
        <v>11107742</v>
      </c>
      <c r="J19" s="146">
        <v>-252494</v>
      </c>
      <c r="K19" s="146">
        <v>217210</v>
      </c>
      <c r="L19" s="146">
        <v>-54002</v>
      </c>
    </row>
    <row r="20" spans="2:12" ht="20.25" customHeight="1" x14ac:dyDescent="0.15">
      <c r="B20" s="319" t="s">
        <v>526</v>
      </c>
      <c r="C20" s="320"/>
      <c r="D20" s="320"/>
      <c r="E20" s="320"/>
      <c r="F20" s="320"/>
      <c r="G20" s="320"/>
      <c r="H20" s="321"/>
      <c r="I20" s="146">
        <v>75736137</v>
      </c>
      <c r="J20" s="146">
        <v>-15305211</v>
      </c>
      <c r="K20" s="146">
        <v>13166438</v>
      </c>
      <c r="L20" s="146">
        <v>-3273368</v>
      </c>
    </row>
    <row r="21" spans="2:12" ht="21.95" customHeight="1" x14ac:dyDescent="0.15">
      <c r="B21" s="306" t="s">
        <v>232</v>
      </c>
      <c r="C21" s="307"/>
      <c r="D21" s="307"/>
      <c r="E21" s="307"/>
      <c r="F21" s="307"/>
      <c r="G21" s="307"/>
      <c r="H21" s="308"/>
      <c r="I21" s="146">
        <f>SUM(I18:I20)</f>
        <v>2049195022</v>
      </c>
      <c r="J21" s="146">
        <f>SUM(J18:J20)</f>
        <v>-328545962</v>
      </c>
      <c r="K21" s="146">
        <f>SUM(K18:K20)</f>
        <v>282634459</v>
      </c>
      <c r="L21" s="146">
        <f>SUM(L18:L20)</f>
        <v>-70267055</v>
      </c>
    </row>
    <row r="22" spans="2:12" ht="12" customHeight="1" x14ac:dyDescent="0.15"/>
    <row r="24" spans="2:12" x14ac:dyDescent="0.15">
      <c r="I24" s="105"/>
      <c r="J24" s="105"/>
      <c r="K24" s="105"/>
      <c r="L24" s="105"/>
    </row>
    <row r="28" spans="2:12" x14ac:dyDescent="0.15">
      <c r="C28" s="111"/>
      <c r="D28" s="111"/>
      <c r="E28" s="111"/>
      <c r="F28" s="111"/>
    </row>
    <row r="29" spans="2:12" x14ac:dyDescent="0.15">
      <c r="C29" s="111"/>
      <c r="D29" s="111"/>
      <c r="E29" s="111"/>
      <c r="F29" s="111"/>
    </row>
    <row r="30" spans="2:12" x14ac:dyDescent="0.15">
      <c r="C30" s="111"/>
      <c r="D30" s="111"/>
      <c r="E30" s="111"/>
      <c r="F30" s="111"/>
    </row>
    <row r="31" spans="2:12" x14ac:dyDescent="0.15">
      <c r="C31" s="111"/>
      <c r="D31" s="111"/>
      <c r="E31" s="111"/>
      <c r="F31" s="111"/>
    </row>
  </sheetData>
  <mergeCells count="12">
    <mergeCell ref="K16:L16"/>
    <mergeCell ref="B18:H18"/>
    <mergeCell ref="B21:H21"/>
    <mergeCell ref="B19:H19"/>
    <mergeCell ref="B20:H20"/>
    <mergeCell ref="B16:H17"/>
    <mergeCell ref="I16:J16"/>
    <mergeCell ref="A1:G1"/>
    <mergeCell ref="A5:H5"/>
    <mergeCell ref="I5:M5"/>
    <mergeCell ref="B12:H13"/>
    <mergeCell ref="I12:M13"/>
  </mergeCells>
  <phoneticPr fontId="24"/>
  <printOptions horizontalCentered="1"/>
  <pageMargins left="0.19685039370078741" right="0.19685039370078741" top="0.31496062992125984" bottom="0.19685039370078741" header="0.11811023622047245" footer="0.11811023622047245"/>
  <pageSetup paperSize="9" scale="58" firstPageNumber="54" fitToWidth="2" fitToHeight="0" orientation="portrait" useFirstPageNumber="1" r:id="rId1"/>
  <headerFooter alignWithMargins="0">
    <oddFooter>&amp;C&amp;"ＭＳ Ｐ明朝,標準"&amp;20&amp;P</oddFooter>
  </headerFooter>
  <colBreaks count="2" manualBreakCount="2">
    <brk id="8" max="30" man="1"/>
    <brk id="13" min="14" max="44" man="1"/>
  </colBreaks>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23</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484239672</v>
      </c>
      <c r="J10" s="146">
        <v>49213947</v>
      </c>
      <c r="K10" s="146">
        <v>112098</v>
      </c>
      <c r="L10" s="146">
        <v>24211984</v>
      </c>
      <c r="M10" s="146">
        <v>24324082</v>
      </c>
      <c r="N10" s="91">
        <v>509129537</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70305638</v>
      </c>
      <c r="J12" s="146">
        <v>70267055</v>
      </c>
      <c r="K12" s="146">
        <v>0</v>
      </c>
      <c r="L12" s="146">
        <v>70305638</v>
      </c>
      <c r="M12" s="146">
        <v>70305638</v>
      </c>
      <c r="N12" s="91">
        <v>70267055</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379821921</v>
      </c>
      <c r="J14" s="146">
        <v>37982192</v>
      </c>
      <c r="K14" s="146">
        <v>0</v>
      </c>
      <c r="L14" s="146">
        <v>89258151</v>
      </c>
      <c r="M14" s="146">
        <v>89258151</v>
      </c>
      <c r="N14" s="91">
        <v>328545962</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0</v>
      </c>
      <c r="J16" s="146">
        <v>0</v>
      </c>
      <c r="K16" s="146">
        <v>0</v>
      </c>
      <c r="L16" s="146">
        <v>0</v>
      </c>
      <c r="M16" s="146">
        <v>0</v>
      </c>
      <c r="N16" s="91">
        <v>0</v>
      </c>
    </row>
    <row r="17" spans="2:14" ht="22.5" customHeight="1" x14ac:dyDescent="0.15">
      <c r="B17" s="336" t="s">
        <v>56</v>
      </c>
      <c r="C17" s="336"/>
      <c r="D17" s="336"/>
      <c r="E17" s="336"/>
      <c r="F17" s="336"/>
      <c r="G17" s="336"/>
      <c r="H17" s="336"/>
      <c r="I17" s="91">
        <v>0</v>
      </c>
      <c r="J17" s="146">
        <v>0</v>
      </c>
      <c r="K17" s="146">
        <v>0</v>
      </c>
      <c r="L17" s="146">
        <v>0</v>
      </c>
      <c r="M17" s="146">
        <v>0</v>
      </c>
      <c r="N17" s="91">
        <v>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934367231</v>
      </c>
      <c r="J19" s="146">
        <v>157463194</v>
      </c>
      <c r="K19" s="146">
        <v>112098</v>
      </c>
      <c r="L19" s="146">
        <v>183775773</v>
      </c>
      <c r="M19" s="146">
        <v>183887871</v>
      </c>
      <c r="N19" s="91">
        <v>907942554</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56" fitToWidth="2" fitToHeight="0" orientation="portrait" useFirstPageNumber="1" r:id="rId1"/>
  <headerFooter>
    <oddFooter>&amp;C&amp;"ＭＳ Ｐ明朝,標準"&amp;20&amp;P</oddFooter>
  </headerFooter>
  <colBreaks count="1" manualBreakCount="1">
    <brk id="10" max="18" man="1"/>
  </col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2" t="s">
        <v>181</v>
      </c>
      <c r="B17" s="262"/>
      <c r="C17" s="262"/>
      <c r="D17" s="262"/>
      <c r="E17" s="262"/>
      <c r="F17" s="262"/>
      <c r="G17" s="262"/>
      <c r="H17" s="262"/>
      <c r="I17" s="262"/>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397</v>
      </c>
      <c r="B1" s="266"/>
      <c r="C1" s="266"/>
      <c r="D1" s="266"/>
      <c r="E1" s="266"/>
      <c r="F1" s="266"/>
      <c r="G1" s="266"/>
      <c r="H1" s="165"/>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2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303652264780</v>
      </c>
      <c r="J10" s="23"/>
      <c r="K10" s="21"/>
      <c r="L10" s="15" t="s">
        <v>43</v>
      </c>
      <c r="M10" s="13"/>
      <c r="N10" s="13"/>
      <c r="O10" s="13"/>
      <c r="P10" s="13"/>
      <c r="Q10" s="13"/>
      <c r="R10" s="14">
        <v>266995845137</v>
      </c>
      <c r="S10" s="54"/>
      <c r="T10" s="2"/>
    </row>
    <row r="11" spans="1:20" ht="22.5" customHeight="1" x14ac:dyDescent="0.15">
      <c r="B11" s="21"/>
      <c r="C11" s="13"/>
      <c r="D11" s="13" t="s">
        <v>4</v>
      </c>
      <c r="E11" s="13"/>
      <c r="F11" s="13"/>
      <c r="G11" s="13"/>
      <c r="H11" s="13"/>
      <c r="I11" s="14">
        <v>58561992475</v>
      </c>
      <c r="J11" s="23"/>
      <c r="K11" s="21"/>
      <c r="L11" s="13"/>
      <c r="M11" s="13" t="s">
        <v>44</v>
      </c>
      <c r="N11" s="13"/>
      <c r="O11" s="13"/>
      <c r="P11" s="13"/>
      <c r="Q11" s="13"/>
      <c r="R11" s="14">
        <v>200599048922</v>
      </c>
      <c r="S11" s="54"/>
      <c r="T11" s="2"/>
    </row>
    <row r="12" spans="1:20" ht="22.5" customHeight="1" x14ac:dyDescent="0.15">
      <c r="B12" s="21"/>
      <c r="C12" s="13"/>
      <c r="D12" s="13"/>
      <c r="E12" s="13" t="s">
        <v>5</v>
      </c>
      <c r="F12" s="13"/>
      <c r="G12" s="13"/>
      <c r="H12" s="13"/>
      <c r="I12" s="14">
        <v>7193756052</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51368236423</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23009697459</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11750898095</v>
      </c>
      <c r="J15" s="23"/>
      <c r="K15" s="21"/>
      <c r="L15" s="13"/>
      <c r="M15" s="13" t="s">
        <v>48</v>
      </c>
      <c r="N15" s="13"/>
      <c r="O15" s="13"/>
      <c r="P15" s="13"/>
      <c r="Q15" s="13"/>
      <c r="R15" s="14">
        <v>21388747406</v>
      </c>
      <c r="S15" s="54"/>
      <c r="T15" s="2"/>
    </row>
    <row r="16" spans="1:20" ht="22.5" customHeight="1" x14ac:dyDescent="0.15">
      <c r="B16" s="21"/>
      <c r="C16" s="13"/>
      <c r="D16" s="13" t="s">
        <v>9</v>
      </c>
      <c r="E16" s="13"/>
      <c r="F16" s="13"/>
      <c r="G16" s="13"/>
      <c r="H16" s="13"/>
      <c r="I16" s="14">
        <v>161605594513</v>
      </c>
      <c r="J16" s="23"/>
      <c r="K16" s="21"/>
      <c r="L16" s="13"/>
      <c r="M16" s="13" t="s">
        <v>49</v>
      </c>
      <c r="N16" s="13"/>
      <c r="O16" s="13"/>
      <c r="P16" s="13"/>
      <c r="Q16" s="13"/>
      <c r="R16" s="14">
        <v>9479487836</v>
      </c>
      <c r="S16" s="54"/>
      <c r="T16" s="2"/>
    </row>
    <row r="17" spans="2:20" ht="22.5" customHeight="1" x14ac:dyDescent="0.15">
      <c r="B17" s="21"/>
      <c r="C17" s="13"/>
      <c r="D17" s="13"/>
      <c r="E17" s="13" t="s">
        <v>10</v>
      </c>
      <c r="F17" s="13"/>
      <c r="G17" s="13"/>
      <c r="H17" s="13"/>
      <c r="I17" s="14">
        <v>161605594513</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1932658447</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33595902526</v>
      </c>
      <c r="S19" s="54"/>
      <c r="T19" s="2"/>
    </row>
    <row r="20" spans="2:20" ht="22.5" customHeight="1" x14ac:dyDescent="0.15">
      <c r="B20" s="21"/>
      <c r="C20" s="13"/>
      <c r="D20" s="13" t="s">
        <v>12</v>
      </c>
      <c r="E20" s="13"/>
      <c r="F20" s="13"/>
      <c r="G20" s="13"/>
      <c r="H20" s="13"/>
      <c r="I20" s="14">
        <v>4262242316</v>
      </c>
      <c r="J20" s="23"/>
      <c r="K20" s="21"/>
      <c r="L20" s="13" t="s">
        <v>53</v>
      </c>
      <c r="M20" s="13"/>
      <c r="N20" s="13"/>
      <c r="O20" s="13"/>
      <c r="P20" s="13"/>
      <c r="Q20" s="13"/>
      <c r="R20" s="14">
        <v>2041783377678</v>
      </c>
      <c r="S20" s="54"/>
      <c r="T20" s="2"/>
    </row>
    <row r="21" spans="2:20" ht="22.5" customHeight="1" x14ac:dyDescent="0.15">
      <c r="B21" s="21"/>
      <c r="C21" s="13"/>
      <c r="D21" s="13" t="s">
        <v>8</v>
      </c>
      <c r="E21" s="13"/>
      <c r="F21" s="13"/>
      <c r="G21" s="13"/>
      <c r="H21" s="13"/>
      <c r="I21" s="14">
        <v>-676834307</v>
      </c>
      <c r="J21" s="23"/>
      <c r="K21" s="21"/>
      <c r="L21" s="13"/>
      <c r="M21" s="13" t="s">
        <v>44</v>
      </c>
      <c r="N21" s="13"/>
      <c r="O21" s="13"/>
      <c r="P21" s="13"/>
      <c r="Q21" s="13"/>
      <c r="R21" s="14">
        <v>1698882611784</v>
      </c>
      <c r="S21" s="54"/>
      <c r="T21" s="2"/>
    </row>
    <row r="22" spans="2:20" ht="22.5" customHeight="1" x14ac:dyDescent="0.15">
      <c r="B22" s="21"/>
      <c r="C22" s="13"/>
      <c r="D22" s="13" t="s">
        <v>13</v>
      </c>
      <c r="E22" s="13"/>
      <c r="F22" s="13"/>
      <c r="G22" s="13"/>
      <c r="H22" s="13"/>
      <c r="I22" s="14">
        <v>68640470419</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14706265930895</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6287154255795</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6287009429776</v>
      </c>
      <c r="J25" s="23"/>
      <c r="K25" s="21"/>
      <c r="L25" s="13"/>
      <c r="M25" s="13" t="s">
        <v>56</v>
      </c>
      <c r="N25" s="13"/>
      <c r="O25" s="13"/>
      <c r="P25" s="13"/>
      <c r="Q25" s="13"/>
      <c r="R25" s="14">
        <v>210798606403</v>
      </c>
      <c r="S25" s="54"/>
      <c r="T25" s="2"/>
    </row>
    <row r="26" spans="2:20" ht="22.5" customHeight="1" x14ac:dyDescent="0.15">
      <c r="B26" s="21"/>
      <c r="C26" s="247"/>
      <c r="D26" s="247"/>
      <c r="E26" s="247"/>
      <c r="F26" s="247" t="s">
        <v>17</v>
      </c>
      <c r="G26" s="13"/>
      <c r="H26" s="13"/>
      <c r="I26" s="14">
        <v>5217586721747</v>
      </c>
      <c r="J26" s="23"/>
      <c r="K26" s="21"/>
      <c r="L26" s="13"/>
      <c r="M26" s="13" t="s">
        <v>57</v>
      </c>
      <c r="N26" s="13"/>
      <c r="O26" s="13"/>
      <c r="P26" s="13"/>
      <c r="Q26" s="13"/>
      <c r="R26" s="14">
        <v>27322816907</v>
      </c>
      <c r="S26" s="54"/>
      <c r="T26" s="2"/>
    </row>
    <row r="27" spans="2:20" ht="22.5" customHeight="1" x14ac:dyDescent="0.15">
      <c r="B27" s="21"/>
      <c r="C27" s="247"/>
      <c r="D27" s="247"/>
      <c r="E27" s="247"/>
      <c r="F27" s="247" t="s">
        <v>18</v>
      </c>
      <c r="G27" s="13"/>
      <c r="H27" s="13"/>
      <c r="I27" s="16">
        <v>1043349775797</v>
      </c>
      <c r="J27" s="23"/>
      <c r="K27" s="21"/>
      <c r="L27" s="13"/>
      <c r="M27" s="13" t="s">
        <v>58</v>
      </c>
      <c r="N27" s="13"/>
      <c r="O27" s="13"/>
      <c r="P27" s="13"/>
      <c r="Q27" s="13"/>
      <c r="R27" s="16">
        <v>77677813531</v>
      </c>
      <c r="S27" s="55"/>
      <c r="T27" s="2"/>
    </row>
    <row r="28" spans="2:20" ht="22.5" customHeight="1" x14ac:dyDescent="0.15">
      <c r="B28" s="21"/>
      <c r="C28" s="247"/>
      <c r="D28" s="247"/>
      <c r="E28" s="247"/>
      <c r="F28" s="247" t="s">
        <v>19</v>
      </c>
      <c r="G28" s="13"/>
      <c r="H28" s="13"/>
      <c r="I28" s="16">
        <v>26070219941</v>
      </c>
      <c r="J28" s="23"/>
      <c r="K28" s="21"/>
      <c r="L28" s="13"/>
      <c r="M28" s="13" t="s">
        <v>51</v>
      </c>
      <c r="N28" s="13"/>
      <c r="O28" s="13"/>
      <c r="P28" s="13"/>
      <c r="Q28" s="13"/>
      <c r="R28" s="16">
        <v>605507542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21046453633</v>
      </c>
      <c r="S29" s="55"/>
      <c r="T29" s="2"/>
    </row>
    <row r="30" spans="2:20" ht="22.5" customHeight="1" x14ac:dyDescent="0.15">
      <c r="B30" s="21"/>
      <c r="C30" s="13"/>
      <c r="D30" s="13"/>
      <c r="E30" s="13"/>
      <c r="F30" s="13" t="s">
        <v>21</v>
      </c>
      <c r="G30" s="13"/>
      <c r="H30" s="13"/>
      <c r="I30" s="16">
        <v>6</v>
      </c>
      <c r="J30" s="23"/>
      <c r="K30" s="45" t="s">
        <v>60</v>
      </c>
      <c r="L30" s="46"/>
      <c r="M30" s="47"/>
      <c r="N30" s="47"/>
      <c r="O30" s="47"/>
      <c r="P30" s="47"/>
      <c r="Q30" s="47"/>
      <c r="R30" s="50">
        <v>2308779222815</v>
      </c>
      <c r="S30" s="51"/>
      <c r="T30" s="2"/>
    </row>
    <row r="31" spans="2:20" ht="22.5" customHeight="1" x14ac:dyDescent="0.15">
      <c r="B31" s="21"/>
      <c r="C31" s="13"/>
      <c r="D31" s="13"/>
      <c r="E31" s="13"/>
      <c r="F31" s="13" t="s">
        <v>22</v>
      </c>
      <c r="G31" s="13"/>
      <c r="H31" s="13"/>
      <c r="I31" s="16">
        <v>2712283</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2</v>
      </c>
      <c r="J32" s="23"/>
      <c r="K32" s="21"/>
      <c r="L32" s="13" t="s">
        <v>62</v>
      </c>
      <c r="M32" s="13"/>
      <c r="N32" s="13"/>
      <c r="O32" s="13"/>
      <c r="P32" s="13"/>
      <c r="Q32" s="13"/>
      <c r="R32" s="16">
        <v>12650505978730</v>
      </c>
      <c r="S32" s="55"/>
      <c r="T32" s="2"/>
    </row>
    <row r="33" spans="2:20" ht="22.5" customHeight="1" x14ac:dyDescent="0.15">
      <c r="B33" s="21"/>
      <c r="C33" s="13"/>
      <c r="D33" s="13"/>
      <c r="E33" s="13" t="s">
        <v>24</v>
      </c>
      <c r="F33" s="13"/>
      <c r="G33" s="13"/>
      <c r="H33" s="13"/>
      <c r="I33" s="16">
        <v>144826019</v>
      </c>
      <c r="J33" s="23"/>
      <c r="K33" s="21"/>
      <c r="L33" s="13" t="s">
        <v>63</v>
      </c>
      <c r="M33" s="13"/>
      <c r="N33" s="13"/>
      <c r="O33" s="13"/>
      <c r="P33" s="13"/>
      <c r="Q33" s="13"/>
      <c r="R33" s="16">
        <v>50632994130</v>
      </c>
      <c r="S33" s="55"/>
      <c r="T33" s="2"/>
    </row>
    <row r="34" spans="2:20" ht="22.5" customHeight="1" x14ac:dyDescent="0.15">
      <c r="B34" s="21"/>
      <c r="C34" s="13"/>
      <c r="D34" s="13"/>
      <c r="E34" s="13"/>
      <c r="F34" s="13" t="s">
        <v>25</v>
      </c>
      <c r="G34" s="13"/>
      <c r="H34" s="13"/>
      <c r="I34" s="16">
        <v>144093957</v>
      </c>
      <c r="J34" s="23"/>
      <c r="K34" s="21"/>
      <c r="L34" s="13"/>
      <c r="M34" s="13" t="s">
        <v>64</v>
      </c>
      <c r="N34" s="13"/>
      <c r="O34" s="13"/>
      <c r="P34" s="13"/>
      <c r="Q34" s="13"/>
      <c r="R34" s="16">
        <v>50632994130</v>
      </c>
      <c r="S34" s="55"/>
      <c r="T34" s="2"/>
    </row>
    <row r="35" spans="2:20" ht="22.5" customHeight="1" x14ac:dyDescent="0.15">
      <c r="B35" s="21"/>
      <c r="C35" s="13"/>
      <c r="D35" s="13"/>
      <c r="E35" s="13"/>
      <c r="F35" s="13" t="s">
        <v>26</v>
      </c>
      <c r="G35" s="13"/>
      <c r="H35" s="13"/>
      <c r="I35" s="16">
        <v>732062</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6897553713229</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6896698951525</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6078855269518</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2815603847</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81502807816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854761704</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854761704</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10331509902</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8032369621</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5702719407</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200716451791</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108332460379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683317107572</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264388320851</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135619175367</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9134730800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9134730800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150969156465</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2955417011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8831019854</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8143006849</v>
      </c>
      <c r="J60" s="23"/>
      <c r="K60" s="45" t="s">
        <v>66</v>
      </c>
      <c r="L60" s="46"/>
      <c r="M60" s="47"/>
      <c r="N60" s="47"/>
      <c r="O60" s="47"/>
      <c r="P60" s="47"/>
      <c r="Q60" s="47"/>
      <c r="R60" s="48">
        <v>12701138972860</v>
      </c>
      <c r="S60" s="52"/>
      <c r="T60" s="2"/>
    </row>
    <row r="61" spans="2:20" ht="22.5" customHeight="1" x14ac:dyDescent="0.15">
      <c r="B61" s="45" t="s">
        <v>65</v>
      </c>
      <c r="C61" s="46"/>
      <c r="D61" s="47"/>
      <c r="E61" s="47"/>
      <c r="F61" s="47"/>
      <c r="G61" s="47"/>
      <c r="H61" s="47"/>
      <c r="I61" s="48">
        <v>15009918195675</v>
      </c>
      <c r="J61" s="49"/>
      <c r="K61" s="45" t="s">
        <v>67</v>
      </c>
      <c r="L61" s="47"/>
      <c r="M61" s="47"/>
      <c r="N61" s="47"/>
      <c r="O61" s="47"/>
      <c r="P61" s="47"/>
      <c r="Q61" s="47"/>
      <c r="R61" s="48">
        <v>15009918195675</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K7:M7"/>
    <mergeCell ref="N7:P7"/>
    <mergeCell ref="B8:D8"/>
    <mergeCell ref="B5:S5"/>
    <mergeCell ref="B6:S6"/>
    <mergeCell ref="A1:G1"/>
  </mergeCells>
  <phoneticPr fontId="24"/>
  <printOptions horizontalCentered="1"/>
  <pageMargins left="0.19685039370078741" right="0.19685039370078741" top="0.31496062992125984" bottom="0.19685039370078741" header="0.11811023622047245" footer="0.11811023622047245"/>
  <pageSetup paperSize="9" scale="58" firstPageNumber="2" orientation="portrait" blackAndWhite="1" useFirstPageNumber="1" r:id="rId1"/>
  <headerFooter>
    <oddFooter>&amp;C&amp;"ＭＳ Ｐ明朝,標準"&amp;20&amp;P</oddFoot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H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27</v>
      </c>
      <c r="B1" s="266"/>
      <c r="C1" s="266"/>
      <c r="D1" s="266"/>
      <c r="E1" s="266"/>
      <c r="F1" s="266"/>
      <c r="G1" s="266"/>
      <c r="H1" s="266"/>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8271939351</v>
      </c>
      <c r="J10" s="23"/>
      <c r="K10" s="21"/>
      <c r="L10" s="15" t="s">
        <v>43</v>
      </c>
      <c r="M10" s="13"/>
      <c r="N10" s="13"/>
      <c r="O10" s="13"/>
      <c r="P10" s="13"/>
      <c r="Q10" s="13"/>
      <c r="R10" s="14">
        <v>232586840</v>
      </c>
      <c r="S10" s="54"/>
      <c r="T10" s="2"/>
    </row>
    <row r="11" spans="1:20" ht="22.5" customHeight="1" x14ac:dyDescent="0.15">
      <c r="B11" s="21"/>
      <c r="C11" s="13"/>
      <c r="D11" s="13" t="s">
        <v>4</v>
      </c>
      <c r="E11" s="13"/>
      <c r="F11" s="13"/>
      <c r="G11" s="13"/>
      <c r="H11" s="13"/>
      <c r="I11" s="14">
        <v>1670830465</v>
      </c>
      <c r="J11" s="23"/>
      <c r="K11" s="21"/>
      <c r="L11" s="13"/>
      <c r="M11" s="13" t="s">
        <v>44</v>
      </c>
      <c r="N11" s="13"/>
      <c r="O11" s="13"/>
      <c r="P11" s="13"/>
      <c r="Q11" s="13"/>
      <c r="R11" s="14">
        <v>0</v>
      </c>
      <c r="S11" s="54"/>
      <c r="T11" s="2"/>
    </row>
    <row r="12" spans="1:20" ht="22.5" customHeight="1" x14ac:dyDescent="0.15">
      <c r="B12" s="21"/>
      <c r="C12" s="13"/>
      <c r="D12" s="13"/>
      <c r="E12" s="13" t="s">
        <v>5</v>
      </c>
      <c r="F12" s="13"/>
      <c r="G12" s="13"/>
      <c r="H12" s="13"/>
      <c r="I12" s="14">
        <v>1670830465</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13085278807</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6484169921</v>
      </c>
      <c r="J15" s="23"/>
      <c r="K15" s="21"/>
      <c r="L15" s="13"/>
      <c r="M15" s="13" t="s">
        <v>48</v>
      </c>
      <c r="N15" s="13"/>
      <c r="O15" s="13"/>
      <c r="P15" s="13"/>
      <c r="Q15" s="13"/>
      <c r="R15" s="14">
        <v>226832252</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5754588</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2717602393</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0</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5635245769</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1022791245</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1022791245</v>
      </c>
      <c r="J25" s="23"/>
      <c r="K25" s="21"/>
      <c r="L25" s="13"/>
      <c r="M25" s="13" t="s">
        <v>56</v>
      </c>
      <c r="N25" s="13"/>
      <c r="O25" s="13"/>
      <c r="P25" s="13"/>
      <c r="Q25" s="13"/>
      <c r="R25" s="14">
        <v>2690268100</v>
      </c>
      <c r="S25" s="54"/>
      <c r="T25" s="2"/>
    </row>
    <row r="26" spans="2:20" ht="22.5" customHeight="1" x14ac:dyDescent="0.15">
      <c r="B26" s="21"/>
      <c r="C26" s="247"/>
      <c r="D26" s="247"/>
      <c r="E26" s="247"/>
      <c r="F26" s="247" t="s">
        <v>17</v>
      </c>
      <c r="G26" s="13"/>
      <c r="H26" s="13"/>
      <c r="I26" s="14">
        <v>792781972</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230009273</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27334293</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2950189233</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10956995887</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1</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33088881</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1521888429</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804109253</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225336796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225336796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10956995887</v>
      </c>
      <c r="S60" s="52"/>
      <c r="T60" s="2"/>
    </row>
    <row r="61" spans="2:20" ht="22.5" customHeight="1" x14ac:dyDescent="0.15">
      <c r="B61" s="45" t="s">
        <v>65</v>
      </c>
      <c r="C61" s="46"/>
      <c r="D61" s="47"/>
      <c r="E61" s="47"/>
      <c r="F61" s="47"/>
      <c r="G61" s="47"/>
      <c r="H61" s="47"/>
      <c r="I61" s="48">
        <v>13907185120</v>
      </c>
      <c r="J61" s="49"/>
      <c r="K61" s="45" t="s">
        <v>67</v>
      </c>
      <c r="L61" s="47"/>
      <c r="M61" s="47"/>
      <c r="N61" s="47"/>
      <c r="O61" s="47"/>
      <c r="P61" s="47"/>
      <c r="Q61" s="47"/>
      <c r="R61" s="48">
        <v>13907185120</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B5:S5"/>
    <mergeCell ref="B6:S6"/>
    <mergeCell ref="A1:H1"/>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60" orientation="portrait" blackAndWhite="1" useFirstPageNumber="1" r:id="rId1"/>
  <headerFooter>
    <oddFooter>&amp;C&amp;"ＭＳ Ｐ明朝,標準"&amp;20&amp;P</oddFoot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7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527</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293054692659</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55304182056</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1072280</v>
      </c>
      <c r="J17" s="61"/>
      <c r="L17" s="13"/>
    </row>
    <row r="18" spans="2:12" ht="22.5" customHeight="1" x14ac:dyDescent="0.15">
      <c r="B18" s="60"/>
      <c r="C18" s="28" t="s">
        <v>77</v>
      </c>
      <c r="D18" s="28"/>
      <c r="E18" s="28"/>
      <c r="F18" s="28"/>
      <c r="G18" s="28"/>
      <c r="H18" s="29"/>
      <c r="I18" s="14">
        <v>202167647734</v>
      </c>
      <c r="J18" s="61"/>
      <c r="L18" s="13"/>
    </row>
    <row r="19" spans="2:12" ht="22.5" customHeight="1" x14ac:dyDescent="0.15">
      <c r="B19" s="60"/>
      <c r="C19" s="28" t="s">
        <v>78</v>
      </c>
      <c r="D19" s="28"/>
      <c r="E19" s="28"/>
      <c r="F19" s="28"/>
      <c r="G19" s="28"/>
      <c r="H19" s="29"/>
      <c r="I19" s="14">
        <v>34657139634</v>
      </c>
      <c r="J19" s="61"/>
      <c r="L19" s="13"/>
    </row>
    <row r="20" spans="2:12" ht="22.5" customHeight="1" x14ac:dyDescent="0.15">
      <c r="B20" s="60"/>
      <c r="C20" s="28"/>
      <c r="D20" s="28" t="s">
        <v>79</v>
      </c>
      <c r="E20" s="28"/>
      <c r="F20" s="28"/>
      <c r="G20" s="28"/>
      <c r="H20" s="29"/>
      <c r="I20" s="14">
        <v>34657139634</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0</v>
      </c>
      <c r="J24" s="61"/>
      <c r="L24" s="13"/>
    </row>
    <row r="25" spans="2:12" ht="22.5" customHeight="1" x14ac:dyDescent="0.15">
      <c r="B25" s="251"/>
      <c r="C25" s="252" t="s">
        <v>84</v>
      </c>
      <c r="D25" s="252"/>
      <c r="E25" s="252"/>
      <c r="F25" s="62"/>
      <c r="G25" s="62"/>
      <c r="H25" s="63"/>
      <c r="I25" s="64">
        <v>924650955</v>
      </c>
      <c r="J25" s="65"/>
      <c r="L25" s="13"/>
    </row>
    <row r="26" spans="2:12" ht="22.5" customHeight="1" x14ac:dyDescent="0.15">
      <c r="B26" s="249" t="s">
        <v>85</v>
      </c>
      <c r="C26" s="250"/>
      <c r="D26" s="250"/>
      <c r="E26" s="250"/>
      <c r="F26" s="28"/>
      <c r="G26" s="28"/>
      <c r="H26" s="29"/>
      <c r="I26" s="16">
        <v>290634493237</v>
      </c>
      <c r="J26" s="61"/>
      <c r="L26" s="13"/>
    </row>
    <row r="27" spans="2:12" ht="22.5" customHeight="1" x14ac:dyDescent="0.15">
      <c r="B27" s="249"/>
      <c r="C27" s="250" t="s">
        <v>86</v>
      </c>
      <c r="D27" s="250"/>
      <c r="E27" s="250"/>
      <c r="F27" s="28"/>
      <c r="G27" s="28"/>
      <c r="H27" s="29"/>
      <c r="I27" s="14">
        <v>2716369554</v>
      </c>
      <c r="J27" s="66"/>
      <c r="L27" s="13"/>
    </row>
    <row r="28" spans="2:12" ht="22.5" customHeight="1" x14ac:dyDescent="0.15">
      <c r="B28" s="60"/>
      <c r="C28" s="28" t="s">
        <v>87</v>
      </c>
      <c r="D28" s="28"/>
      <c r="E28" s="28"/>
      <c r="F28" s="28"/>
      <c r="G28" s="28"/>
      <c r="H28" s="29"/>
      <c r="I28" s="14">
        <v>208162564</v>
      </c>
      <c r="J28" s="66"/>
      <c r="L28" s="13"/>
    </row>
    <row r="29" spans="2:12" ht="22.5" customHeight="1" x14ac:dyDescent="0.15">
      <c r="B29" s="60"/>
      <c r="C29" s="28" t="s">
        <v>88</v>
      </c>
      <c r="D29" s="28"/>
      <c r="E29" s="28"/>
      <c r="F29" s="28"/>
      <c r="G29" s="28"/>
      <c r="H29" s="29"/>
      <c r="I29" s="14">
        <v>-142668992</v>
      </c>
      <c r="J29" s="66"/>
      <c r="L29" s="13"/>
    </row>
    <row r="30" spans="2:12" ht="22.5" customHeight="1" x14ac:dyDescent="0.15">
      <c r="B30" s="60"/>
      <c r="C30" s="28" t="s">
        <v>89</v>
      </c>
      <c r="D30" s="28"/>
      <c r="E30" s="28"/>
      <c r="F30" s="28"/>
      <c r="G30" s="28"/>
      <c r="H30" s="29"/>
      <c r="I30" s="14">
        <v>3279782381</v>
      </c>
      <c r="J30" s="66"/>
      <c r="L30" s="13"/>
    </row>
    <row r="31" spans="2:12" ht="22.5" customHeight="1" x14ac:dyDescent="0.15">
      <c r="B31" s="60"/>
      <c r="C31" s="28" t="s">
        <v>90</v>
      </c>
      <c r="D31" s="28"/>
      <c r="E31" s="28"/>
      <c r="F31" s="28"/>
      <c r="G31" s="28"/>
      <c r="H31" s="29"/>
      <c r="I31" s="14">
        <v>2817428</v>
      </c>
      <c r="J31" s="66"/>
      <c r="L31" s="13"/>
    </row>
    <row r="32" spans="2:12" ht="22.5" customHeight="1" x14ac:dyDescent="0.15">
      <c r="B32" s="60"/>
      <c r="C32" s="28" t="s">
        <v>91</v>
      </c>
      <c r="D32" s="28"/>
      <c r="E32" s="28"/>
      <c r="F32" s="28"/>
      <c r="G32" s="28"/>
      <c r="H32" s="29"/>
      <c r="I32" s="14">
        <v>480971738</v>
      </c>
      <c r="J32" s="66"/>
      <c r="L32" s="13"/>
    </row>
    <row r="33" spans="2:12" ht="22.5" customHeight="1" x14ac:dyDescent="0.15">
      <c r="B33" s="60"/>
      <c r="C33" s="28" t="s">
        <v>92</v>
      </c>
      <c r="D33" s="28"/>
      <c r="E33" s="28"/>
      <c r="F33" s="28"/>
      <c r="G33" s="28"/>
      <c r="H33" s="29"/>
      <c r="I33" s="14">
        <v>0</v>
      </c>
      <c r="J33" s="66"/>
      <c r="L33" s="13"/>
    </row>
    <row r="34" spans="2:12" ht="22.5" customHeight="1" x14ac:dyDescent="0.15">
      <c r="B34" s="60"/>
      <c r="C34" s="28" t="s">
        <v>93</v>
      </c>
      <c r="D34" s="28"/>
      <c r="E34" s="28"/>
      <c r="F34" s="28"/>
      <c r="G34" s="28"/>
      <c r="H34" s="29"/>
      <c r="I34" s="14">
        <v>1394654971</v>
      </c>
      <c r="J34" s="66"/>
      <c r="L34" s="13"/>
    </row>
    <row r="35" spans="2:12" ht="22.5" customHeight="1" x14ac:dyDescent="0.15">
      <c r="B35" s="60"/>
      <c r="C35" s="28" t="s">
        <v>94</v>
      </c>
      <c r="D35" s="28"/>
      <c r="E35" s="28"/>
      <c r="F35" s="28"/>
      <c r="G35" s="28"/>
      <c r="H35" s="29"/>
      <c r="I35" s="14">
        <v>1108177153</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281586226440</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2420199422</v>
      </c>
      <c r="J45" s="59"/>
      <c r="L45" s="13"/>
    </row>
    <row r="46" spans="2:12" ht="22.5" customHeight="1" x14ac:dyDescent="0.15">
      <c r="B46" s="60" t="s">
        <v>105</v>
      </c>
      <c r="C46" s="28"/>
      <c r="D46" s="28"/>
      <c r="E46" s="28"/>
      <c r="F46" s="28"/>
      <c r="G46" s="28"/>
      <c r="H46" s="29"/>
      <c r="I46" s="16">
        <v>1023560518</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1023560507</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11</v>
      </c>
      <c r="J50" s="66"/>
      <c r="L50" s="13"/>
    </row>
    <row r="51" spans="1:12" ht="22.5" customHeight="1" x14ac:dyDescent="0.15">
      <c r="B51" s="60" t="s">
        <v>110</v>
      </c>
      <c r="C51" s="28"/>
      <c r="D51" s="28"/>
      <c r="E51" s="28"/>
      <c r="F51" s="28"/>
      <c r="G51" s="28"/>
      <c r="H51" s="29"/>
      <c r="I51" s="14">
        <v>62131596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621315960</v>
      </c>
      <c r="J57" s="66"/>
      <c r="L57" s="13"/>
    </row>
    <row r="58" spans="1:12" ht="22.5" customHeight="1" x14ac:dyDescent="0.15">
      <c r="B58" s="56" t="s">
        <v>115</v>
      </c>
      <c r="C58" s="57"/>
      <c r="D58" s="57"/>
      <c r="E58" s="57"/>
      <c r="F58" s="57"/>
      <c r="G58" s="57"/>
      <c r="H58" s="58"/>
      <c r="I58" s="48">
        <v>402244558</v>
      </c>
      <c r="J58" s="59"/>
      <c r="L58" s="13"/>
    </row>
    <row r="59" spans="1:12" ht="22.5" customHeight="1" x14ac:dyDescent="0.15">
      <c r="A59" s="13"/>
      <c r="B59" s="56" t="s">
        <v>116</v>
      </c>
      <c r="C59" s="47"/>
      <c r="D59" s="47"/>
      <c r="E59" s="47"/>
      <c r="F59" s="47"/>
      <c r="G59" s="47"/>
      <c r="H59" s="47"/>
      <c r="I59" s="48">
        <v>2822443980</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61" orientation="portrait" blackAndWhite="1" useFirstPageNumber="1" r:id="rId1"/>
  <headerFooter>
    <oddFooter>&amp;C&amp;"ＭＳ Ｐ明朝,標準"&amp;20&amp;P</oddFooter>
  </headerFooter>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60" zoomScaleSheetLayoutView="100" workbookViewId="0">
      <selection sqref="A1:I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27</v>
      </c>
      <c r="B1" s="275"/>
      <c r="C1" s="275"/>
      <c r="D1" s="275"/>
      <c r="E1" s="275"/>
      <c r="F1" s="275"/>
      <c r="G1" s="275"/>
      <c r="H1" s="275"/>
      <c r="I1" s="275"/>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8134551907</v>
      </c>
      <c r="K10" s="44">
        <v>0</v>
      </c>
      <c r="L10" s="44">
        <v>8134551907</v>
      </c>
      <c r="M10" s="13"/>
      <c r="N10" s="13"/>
    </row>
    <row r="11" spans="1:14" ht="50.1" customHeight="1" x14ac:dyDescent="0.15">
      <c r="A11" s="13"/>
      <c r="B11" s="13"/>
      <c r="C11" s="274" t="s">
        <v>325</v>
      </c>
      <c r="D11" s="274"/>
      <c r="E11" s="274"/>
      <c r="F11" s="274"/>
      <c r="G11" s="274"/>
      <c r="H11" s="274"/>
      <c r="I11" s="274"/>
      <c r="J11" s="44">
        <v>2822443980</v>
      </c>
      <c r="K11" s="44">
        <v>0</v>
      </c>
      <c r="L11" s="44">
        <v>2822443980</v>
      </c>
      <c r="M11" s="13"/>
      <c r="N11" s="13"/>
    </row>
    <row r="12" spans="1:14" ht="50.1" customHeight="1" x14ac:dyDescent="0.15">
      <c r="A12" s="13"/>
      <c r="B12" s="13"/>
      <c r="C12" s="274" t="s">
        <v>326</v>
      </c>
      <c r="D12" s="274"/>
      <c r="E12" s="274"/>
      <c r="F12" s="274"/>
      <c r="G12" s="274"/>
      <c r="H12" s="274"/>
      <c r="I12" s="274"/>
      <c r="J12" s="44">
        <v>10956995887</v>
      </c>
      <c r="K12" s="44">
        <v>0</v>
      </c>
      <c r="L12" s="44">
        <v>10956995887</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C5:L5"/>
    <mergeCell ref="C6:L6"/>
    <mergeCell ref="A1:I1"/>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62" orientation="portrait" blackAndWhite="1" useFirstPageNumber="1" r:id="rId1"/>
  <headerFooter>
    <oddFooter>&amp;C&amp;"ＭＳ Ｐ明朝,標準"&amp;20&amp;P</oddFooter>
  </headerFooter>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27</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3299437667</v>
      </c>
      <c r="S9" s="12"/>
      <c r="T9" s="2"/>
    </row>
    <row r="10" spans="1:20" ht="22.5" customHeight="1" x14ac:dyDescent="0.15">
      <c r="A10" s="21"/>
      <c r="B10" s="13" t="s">
        <v>118</v>
      </c>
      <c r="C10" s="13"/>
      <c r="D10" s="13"/>
      <c r="E10" s="13"/>
      <c r="F10" s="13"/>
      <c r="G10" s="13"/>
      <c r="H10" s="14">
        <v>290810928196</v>
      </c>
      <c r="I10" s="54"/>
      <c r="J10" s="13"/>
      <c r="K10" s="21"/>
      <c r="L10" s="13"/>
      <c r="M10" s="13" t="s">
        <v>157</v>
      </c>
      <c r="N10" s="13"/>
      <c r="O10" s="13"/>
      <c r="P10" s="13"/>
      <c r="Q10" s="13"/>
      <c r="R10" s="14">
        <v>1046069707</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225336796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225336796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53101677294</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45108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202167647734</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34657139634</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34657139634</v>
      </c>
      <c r="I21" s="54"/>
      <c r="J21" s="13"/>
      <c r="K21" s="45" t="s">
        <v>164</v>
      </c>
      <c r="L21" s="47"/>
      <c r="M21" s="47"/>
      <c r="N21" s="47"/>
      <c r="O21" s="47"/>
      <c r="P21" s="47"/>
      <c r="Q21" s="47"/>
      <c r="R21" s="48">
        <v>-3299437667</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0</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884012454</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288081299907</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2925402761</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3279782381</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2817428</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0</v>
      </c>
      <c r="I31" s="54"/>
      <c r="J31" s="13"/>
      <c r="K31" s="21"/>
      <c r="L31" s="13" t="s">
        <v>170</v>
      </c>
      <c r="M31" s="13"/>
      <c r="N31" s="13"/>
      <c r="O31" s="13"/>
      <c r="P31" s="13"/>
      <c r="Q31" s="13"/>
      <c r="R31" s="14">
        <v>12728117</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0</v>
      </c>
      <c r="S32" s="54"/>
      <c r="T32" s="2"/>
    </row>
    <row r="33" spans="1:20" ht="22.5" customHeight="1" x14ac:dyDescent="0.15">
      <c r="A33" s="21"/>
      <c r="B33" s="13"/>
      <c r="C33" s="13" t="s">
        <v>140</v>
      </c>
      <c r="D33" s="13"/>
      <c r="E33" s="13"/>
      <c r="F33" s="13"/>
      <c r="G33" s="13"/>
      <c r="H33" s="14">
        <v>281873297337</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12728117</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2729628289</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12728117</v>
      </c>
      <c r="S40" s="52"/>
      <c r="T40" s="2"/>
    </row>
    <row r="41" spans="1:20" ht="22.5" customHeight="1" x14ac:dyDescent="0.15">
      <c r="A41" s="21"/>
      <c r="B41" s="13" t="s">
        <v>148</v>
      </c>
      <c r="C41" s="13"/>
      <c r="D41" s="13"/>
      <c r="E41" s="13"/>
      <c r="F41" s="13"/>
      <c r="G41" s="13"/>
      <c r="H41" s="14">
        <v>0</v>
      </c>
      <c r="I41" s="54"/>
      <c r="J41" s="13"/>
      <c r="K41" s="45" t="s">
        <v>176</v>
      </c>
      <c r="L41" s="47"/>
      <c r="M41" s="47"/>
      <c r="N41" s="47"/>
      <c r="O41" s="47"/>
      <c r="P41" s="47"/>
      <c r="Q41" s="47"/>
      <c r="R41" s="48">
        <v>-582537495</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2253367960</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1670830465</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63" orientation="portrait" blackAndWhite="1" useFirstPageNumber="1" r:id="rId1"/>
  <headerFooter>
    <oddFooter>&amp;C&amp;"ＭＳ Ｐ明朝,標準"&amp;20&amp;P</oddFooter>
  </headerFooter>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71"/>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27</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customHeight="1" x14ac:dyDescent="0.15">
      <c r="B26" s="168"/>
      <c r="C26" s="217" t="s">
        <v>544</v>
      </c>
      <c r="D26" s="217"/>
      <c r="E26" s="217"/>
    </row>
    <row r="27" spans="2:6" s="172" customFormat="1" ht="20.25" x14ac:dyDescent="0.15">
      <c r="B27" s="168"/>
      <c r="C27" s="242"/>
      <c r="D27" s="242"/>
      <c r="E27" s="242"/>
      <c r="F27" s="242"/>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351" t="s">
        <v>550</v>
      </c>
      <c r="D30" s="351"/>
      <c r="E30" s="351"/>
      <c r="F30" s="351"/>
    </row>
    <row r="31" spans="2:6" s="172" customFormat="1" ht="20.25" x14ac:dyDescent="0.15">
      <c r="B31" s="168"/>
      <c r="C31" s="351"/>
      <c r="D31" s="351"/>
      <c r="E31" s="351"/>
      <c r="F31" s="351"/>
    </row>
    <row r="32" spans="2:6" s="172" customFormat="1" ht="20.25" x14ac:dyDescent="0.15">
      <c r="B32" s="168"/>
      <c r="C32" s="351"/>
      <c r="D32" s="351"/>
      <c r="E32" s="351"/>
      <c r="F32" s="351"/>
    </row>
    <row r="33" spans="2:6" s="172" customFormat="1" ht="20.25" x14ac:dyDescent="0.15">
      <c r="B33" s="168"/>
      <c r="C33" s="351"/>
      <c r="D33" s="351"/>
      <c r="E33" s="351"/>
      <c r="F33" s="351"/>
    </row>
    <row r="34" spans="2:6" s="172" customFormat="1" ht="20.25" x14ac:dyDescent="0.15">
      <c r="B34" s="168"/>
      <c r="C34" s="351"/>
      <c r="D34" s="351"/>
      <c r="E34" s="351"/>
      <c r="F34" s="351"/>
    </row>
    <row r="35" spans="2:6" s="172" customFormat="1" ht="20.25" x14ac:dyDescent="0.15">
      <c r="B35" s="168"/>
    </row>
    <row r="36" spans="2:6" s="172" customFormat="1" ht="20.25" x14ac:dyDescent="0.15">
      <c r="B36" s="168" t="s">
        <v>376</v>
      </c>
    </row>
    <row r="37" spans="2:6" s="172" customFormat="1" ht="20.25" customHeight="1" x14ac:dyDescent="0.15">
      <c r="B37" s="168"/>
      <c r="C37" s="217"/>
      <c r="D37" s="217"/>
      <c r="E37" s="217"/>
    </row>
    <row r="38" spans="2:6" s="172" customFormat="1" ht="20.25" x14ac:dyDescent="0.15">
      <c r="B38" s="168"/>
      <c r="C38" s="217" t="s">
        <v>545</v>
      </c>
      <c r="D38" s="217"/>
      <c r="E38" s="217"/>
    </row>
    <row r="39" spans="2:6" s="172" customFormat="1" ht="37.5" customHeight="1" x14ac:dyDescent="0.15">
      <c r="B39" s="168"/>
      <c r="C39" s="228"/>
      <c r="D39" s="224"/>
      <c r="E39" s="222"/>
    </row>
    <row r="40" spans="2:6" s="172" customFormat="1" ht="37.5" customHeight="1" x14ac:dyDescent="0.15">
      <c r="B40" s="168"/>
      <c r="C40" s="228"/>
      <c r="D40" s="229"/>
      <c r="E40" s="222"/>
    </row>
    <row r="41" spans="2:6" s="172" customFormat="1" ht="37.5" customHeight="1" x14ac:dyDescent="0.15">
      <c r="B41" s="168"/>
      <c r="C41" s="228"/>
      <c r="D41" s="225"/>
      <c r="E41" s="222"/>
    </row>
    <row r="42" spans="2:6" s="172" customFormat="1" ht="37.5" customHeight="1" x14ac:dyDescent="0.15">
      <c r="B42" s="168"/>
      <c r="C42" s="224"/>
      <c r="D42" s="225"/>
      <c r="E42" s="222"/>
    </row>
    <row r="43" spans="2:6" s="172" customFormat="1" ht="20.25" x14ac:dyDescent="0.15">
      <c r="B43" s="168"/>
      <c r="C43" s="177"/>
      <c r="D43" s="177"/>
    </row>
    <row r="44" spans="2:6" s="172" customFormat="1" ht="20.25" x14ac:dyDescent="0.15">
      <c r="B44" s="168"/>
    </row>
    <row r="45" spans="2:6" s="172" customFormat="1" ht="20.25" customHeight="1" x14ac:dyDescent="0.15">
      <c r="B45" s="168"/>
      <c r="C45" s="217"/>
      <c r="D45" s="217"/>
      <c r="E45" s="217"/>
    </row>
    <row r="46" spans="2:6" s="172" customFormat="1" ht="20.25" x14ac:dyDescent="0.15">
      <c r="B46" s="168"/>
      <c r="C46" s="227"/>
      <c r="D46" s="227"/>
      <c r="E46" s="227"/>
      <c r="F46" s="222"/>
    </row>
    <row r="47" spans="2:6" s="172" customFormat="1" ht="20.25" customHeight="1" x14ac:dyDescent="0.15">
      <c r="B47" s="168"/>
      <c r="C47" s="227"/>
      <c r="D47" s="227"/>
      <c r="E47" s="227"/>
      <c r="F47" s="222"/>
    </row>
    <row r="48" spans="2:6" s="172" customFormat="1" ht="20.25" x14ac:dyDescent="0.15">
      <c r="B48" s="168"/>
      <c r="C48" s="222"/>
      <c r="D48" s="222"/>
      <c r="E48" s="222"/>
      <c r="F48" s="222"/>
    </row>
    <row r="49" spans="2:6" s="172" customFormat="1" ht="20.25" x14ac:dyDescent="0.15">
      <c r="B49" s="168"/>
      <c r="C49" s="222"/>
      <c r="D49" s="222"/>
      <c r="E49" s="223"/>
      <c r="F49" s="222"/>
    </row>
    <row r="50" spans="2:6" s="172" customFormat="1" ht="20.25" x14ac:dyDescent="0.15">
      <c r="B50" s="168"/>
      <c r="C50" s="224"/>
      <c r="D50" s="224"/>
      <c r="E50" s="224"/>
      <c r="F50" s="222"/>
    </row>
    <row r="51" spans="2:6" s="172" customFormat="1" ht="93" customHeight="1" x14ac:dyDescent="0.15">
      <c r="B51" s="168"/>
      <c r="C51" s="224"/>
      <c r="D51" s="225"/>
      <c r="E51" s="226"/>
      <c r="F51" s="222"/>
    </row>
    <row r="52" spans="2:6" s="172" customFormat="1" ht="20.25" customHeight="1" x14ac:dyDescent="0.15">
      <c r="B52" s="168"/>
      <c r="C52" s="222"/>
      <c r="D52" s="222"/>
      <c r="E52" s="222"/>
      <c r="F52" s="222"/>
    </row>
    <row r="53" spans="2:6" s="172" customFormat="1" ht="20.25" x14ac:dyDescent="0.15">
      <c r="B53" s="168"/>
      <c r="C53" s="177"/>
      <c r="D53" s="177"/>
      <c r="E53" s="177"/>
      <c r="F53" s="222"/>
    </row>
    <row r="54" spans="2:6" s="172" customFormat="1" ht="20.25" customHeight="1" x14ac:dyDescent="0.15">
      <c r="B54" s="168"/>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49"/>
      <c r="D56" s="349"/>
      <c r="E56" s="349"/>
      <c r="F56" s="222"/>
    </row>
    <row r="57" spans="2:6" s="172" customFormat="1" ht="20.25" customHeight="1" x14ac:dyDescent="0.15">
      <c r="B57" s="168"/>
      <c r="C57" s="227"/>
      <c r="D57" s="227"/>
      <c r="E57" s="227"/>
      <c r="F57" s="222"/>
    </row>
    <row r="58" spans="2:6" s="172" customFormat="1" ht="20.25" customHeight="1" x14ac:dyDescent="0.15">
      <c r="B58" s="181"/>
      <c r="C58" s="350"/>
      <c r="D58" s="350"/>
      <c r="E58" s="350"/>
      <c r="F58" s="222"/>
    </row>
    <row r="59" spans="2:6" s="172" customFormat="1" ht="20.25" customHeight="1" x14ac:dyDescent="0.15">
      <c r="B59" s="168"/>
      <c r="C59" s="350"/>
      <c r="D59" s="350"/>
      <c r="E59" s="350"/>
      <c r="F59" s="222"/>
    </row>
    <row r="60" spans="2:6" s="172" customFormat="1" ht="20.25" customHeight="1" x14ac:dyDescent="0.15">
      <c r="B60" s="168"/>
      <c r="C60" s="350"/>
      <c r="D60" s="350"/>
      <c r="E60" s="350"/>
      <c r="F60" s="222"/>
    </row>
    <row r="61" spans="2:6" s="172" customFormat="1" ht="20.25" customHeight="1" x14ac:dyDescent="0.15">
      <c r="B61" s="168"/>
      <c r="C61" s="350"/>
      <c r="D61" s="350"/>
      <c r="E61" s="350"/>
      <c r="F61" s="222"/>
    </row>
    <row r="62" spans="2:6" s="172" customFormat="1" ht="20.25" customHeight="1" x14ac:dyDescent="0.15">
      <c r="B62" s="168"/>
      <c r="C62" s="282"/>
      <c r="D62" s="282"/>
      <c r="E62" s="282"/>
    </row>
    <row r="63" spans="2:6" s="172" customFormat="1" ht="20.25" customHeight="1" x14ac:dyDescent="0.15">
      <c r="B63" s="168"/>
      <c r="C63" s="283"/>
      <c r="D63" s="283"/>
      <c r="E63" s="217"/>
    </row>
    <row r="64" spans="2:6" s="172" customFormat="1" ht="20.25" customHeight="1" x14ac:dyDescent="0.15">
      <c r="B64" s="181"/>
      <c r="C64" s="281"/>
      <c r="D64" s="281"/>
      <c r="E64" s="281"/>
    </row>
    <row r="65" spans="2:5" s="172" customFormat="1" ht="20.25" customHeight="1" x14ac:dyDescent="0.15">
      <c r="B65" s="168"/>
      <c r="C65" s="281"/>
      <c r="D65" s="281"/>
      <c r="E65" s="281"/>
    </row>
    <row r="66" spans="2:5" s="172" customFormat="1" ht="20.25" customHeight="1" x14ac:dyDescent="0.15">
      <c r="B66" s="168"/>
      <c r="C66" s="217"/>
      <c r="D66" s="217"/>
      <c r="E66" s="217"/>
    </row>
    <row r="67" spans="2:5" s="172" customFormat="1" ht="20.25" customHeight="1" x14ac:dyDescent="0.15">
      <c r="B67" s="168"/>
      <c r="C67" s="217"/>
      <c r="D67" s="217"/>
      <c r="E67" s="217"/>
    </row>
    <row r="68" spans="2:5" s="172" customFormat="1" ht="48" customHeight="1" x14ac:dyDescent="0.15">
      <c r="B68" s="168"/>
      <c r="C68" s="182"/>
      <c r="D68" s="182"/>
      <c r="E68" s="182"/>
    </row>
    <row r="69" spans="2:5" s="198" customFormat="1" ht="22.5" customHeight="1" x14ac:dyDescent="0.15">
      <c r="C69" s="195"/>
      <c r="D69" s="195"/>
      <c r="E69" s="195"/>
    </row>
    <row r="70" spans="2:5" s="198" customFormat="1" ht="22.5" customHeight="1" x14ac:dyDescent="0.15">
      <c r="C70" s="195"/>
      <c r="D70" s="195"/>
      <c r="E70" s="195"/>
    </row>
    <row r="71" spans="2:5" s="198" customFormat="1" ht="21" customHeight="1" x14ac:dyDescent="0.15">
      <c r="C71" s="195"/>
      <c r="D71" s="195"/>
      <c r="E71" s="195"/>
    </row>
  </sheetData>
  <mergeCells count="17">
    <mergeCell ref="D12:E12"/>
    <mergeCell ref="A1:C1"/>
    <mergeCell ref="B5:E5"/>
    <mergeCell ref="D9:E9"/>
    <mergeCell ref="D10:E10"/>
    <mergeCell ref="D11:E11"/>
    <mergeCell ref="C58:E61"/>
    <mergeCell ref="C62:E62"/>
    <mergeCell ref="C63:D63"/>
    <mergeCell ref="C64:E65"/>
    <mergeCell ref="B13:E13"/>
    <mergeCell ref="B17:E17"/>
    <mergeCell ref="D21:E21"/>
    <mergeCell ref="D22:E22"/>
    <mergeCell ref="C54:E55"/>
    <mergeCell ref="C56:E56"/>
    <mergeCell ref="C30:F34"/>
  </mergeCells>
  <phoneticPr fontId="24"/>
  <printOptions horizontalCentered="1"/>
  <pageMargins left="0.19685039370078741" right="0.19685039370078741" top="0.31496062992125984" bottom="0.19685039370078741" header="0.11811023622047245" footer="0.11811023622047245"/>
  <pageSetup paperSize="9" scale="58" firstPageNumber="64" fitToHeight="0" orientation="portrait" useFirstPageNumber="1" r:id="rId1"/>
  <headerFooter>
    <oddFooter>&amp;C&amp;"ＭＳ Ｐ明朝,標準"&amp;20&amp;P</oddFooter>
  </headerFooter>
  <rowBreaks count="1" manualBreakCount="1">
    <brk id="12" max="5" man="1"/>
  </rowBreaks>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27</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0</v>
      </c>
      <c r="J18" s="85">
        <v>1023560507</v>
      </c>
      <c r="K18" s="85">
        <v>0</v>
      </c>
      <c r="L18" s="84">
        <v>1023560507</v>
      </c>
      <c r="M18" s="84">
        <v>769262</v>
      </c>
      <c r="N18" s="84">
        <v>769262</v>
      </c>
      <c r="O18" s="84">
        <v>1022791245</v>
      </c>
    </row>
    <row r="19" spans="2:15" ht="21.95" customHeight="1" x14ac:dyDescent="0.15">
      <c r="B19" s="81"/>
      <c r="C19" s="82" t="s">
        <v>16</v>
      </c>
      <c r="D19" s="82"/>
      <c r="E19" s="82"/>
      <c r="F19" s="82"/>
      <c r="G19" s="82"/>
      <c r="H19" s="83"/>
      <c r="I19" s="84">
        <v>0</v>
      </c>
      <c r="J19" s="85">
        <v>1023560507</v>
      </c>
      <c r="K19" s="85">
        <v>0</v>
      </c>
      <c r="L19" s="84">
        <v>1023560507</v>
      </c>
      <c r="M19" s="84">
        <v>769262</v>
      </c>
      <c r="N19" s="84">
        <v>769262</v>
      </c>
      <c r="O19" s="84">
        <v>1022791245</v>
      </c>
    </row>
    <row r="20" spans="2:15" ht="21.95" customHeight="1" x14ac:dyDescent="0.15">
      <c r="B20" s="81"/>
      <c r="C20" s="82"/>
      <c r="D20" s="82" t="s">
        <v>17</v>
      </c>
      <c r="E20" s="82"/>
      <c r="F20" s="82"/>
      <c r="G20" s="82"/>
      <c r="H20" s="83"/>
      <c r="I20" s="84">
        <v>0</v>
      </c>
      <c r="J20" s="85">
        <v>792781972</v>
      </c>
      <c r="K20" s="85">
        <v>0</v>
      </c>
      <c r="L20" s="84">
        <v>792781972</v>
      </c>
      <c r="M20" s="84">
        <v>0</v>
      </c>
      <c r="N20" s="84">
        <v>0</v>
      </c>
      <c r="O20" s="84">
        <v>792781972</v>
      </c>
    </row>
    <row r="21" spans="2:15" ht="21.95" customHeight="1" x14ac:dyDescent="0.15">
      <c r="B21" s="81"/>
      <c r="C21" s="82"/>
      <c r="D21" s="82" t="s">
        <v>18</v>
      </c>
      <c r="E21" s="82"/>
      <c r="F21" s="82"/>
      <c r="G21" s="82"/>
      <c r="H21" s="83"/>
      <c r="I21" s="84">
        <v>0</v>
      </c>
      <c r="J21" s="85">
        <v>230778535</v>
      </c>
      <c r="K21" s="85">
        <v>0</v>
      </c>
      <c r="L21" s="84">
        <v>230778535</v>
      </c>
      <c r="M21" s="84">
        <v>769262</v>
      </c>
      <c r="N21" s="84">
        <v>769262</v>
      </c>
      <c r="O21" s="84">
        <v>230009273</v>
      </c>
    </row>
    <row r="22" spans="2:15" ht="21.75" customHeight="1" x14ac:dyDescent="0.15">
      <c r="B22" s="81"/>
      <c r="C22" s="82"/>
      <c r="D22" s="82" t="s">
        <v>19</v>
      </c>
      <c r="E22" s="82"/>
      <c r="F22" s="82"/>
      <c r="G22" s="82"/>
      <c r="H22" s="83"/>
      <c r="I22" s="84">
        <v>0</v>
      </c>
      <c r="J22" s="85">
        <v>0</v>
      </c>
      <c r="K22" s="85">
        <v>0</v>
      </c>
      <c r="L22" s="84">
        <v>0</v>
      </c>
      <c r="M22" s="84">
        <v>0</v>
      </c>
      <c r="N22" s="84">
        <v>0</v>
      </c>
      <c r="O22" s="84">
        <v>0</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1139250</v>
      </c>
      <c r="J38" s="85">
        <v>0</v>
      </c>
      <c r="K38" s="85">
        <v>0</v>
      </c>
      <c r="L38" s="84">
        <v>1139250</v>
      </c>
      <c r="M38" s="84">
        <v>1139249</v>
      </c>
      <c r="N38" s="84">
        <v>0</v>
      </c>
      <c r="O38" s="84">
        <v>1</v>
      </c>
    </row>
    <row r="39" spans="2:15" ht="21.95" customHeight="1" x14ac:dyDescent="0.15">
      <c r="B39" s="81" t="s">
        <v>31</v>
      </c>
      <c r="C39" s="82"/>
      <c r="D39" s="82"/>
      <c r="E39" s="82"/>
      <c r="F39" s="82"/>
      <c r="G39" s="82"/>
      <c r="H39" s="83"/>
      <c r="I39" s="84">
        <v>269986525</v>
      </c>
      <c r="J39" s="85">
        <v>35486637</v>
      </c>
      <c r="K39" s="85">
        <v>71164764</v>
      </c>
      <c r="L39" s="84">
        <v>234308398</v>
      </c>
      <c r="M39" s="84">
        <v>201219517</v>
      </c>
      <c r="N39" s="84">
        <v>12728116</v>
      </c>
      <c r="O39" s="84">
        <v>33088881</v>
      </c>
    </row>
    <row r="40" spans="2:15" ht="21.95" customHeight="1" x14ac:dyDescent="0.15">
      <c r="B40" s="189" t="s">
        <v>32</v>
      </c>
      <c r="C40" s="190"/>
      <c r="D40" s="190"/>
      <c r="E40" s="190"/>
      <c r="F40" s="190"/>
      <c r="G40" s="190"/>
      <c r="H40" s="191"/>
      <c r="I40" s="84">
        <v>2273192811</v>
      </c>
      <c r="J40" s="85">
        <v>571020156</v>
      </c>
      <c r="K40" s="85">
        <v>0</v>
      </c>
      <c r="L40" s="84">
        <v>2844212967</v>
      </c>
      <c r="M40" s="84">
        <v>1322324538</v>
      </c>
      <c r="N40" s="84">
        <v>467474360</v>
      </c>
      <c r="O40" s="84">
        <v>1521888429</v>
      </c>
    </row>
    <row r="41" spans="2:15" ht="21.95" customHeight="1" x14ac:dyDescent="0.15">
      <c r="B41" s="189" t="s">
        <v>33</v>
      </c>
      <c r="C41" s="190"/>
      <c r="D41" s="190"/>
      <c r="E41" s="190"/>
      <c r="F41" s="190"/>
      <c r="G41" s="190"/>
      <c r="H41" s="191"/>
      <c r="I41" s="84">
        <v>329059702</v>
      </c>
      <c r="J41" s="85">
        <v>1102588419</v>
      </c>
      <c r="K41" s="85">
        <v>627538868</v>
      </c>
      <c r="L41" s="84">
        <v>804109253</v>
      </c>
      <c r="M41" s="84">
        <v>0</v>
      </c>
      <c r="N41" s="84">
        <v>0</v>
      </c>
      <c r="O41" s="84">
        <v>804109253</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2873378288</v>
      </c>
      <c r="J43" s="85">
        <v>2732655719</v>
      </c>
      <c r="K43" s="85">
        <v>698703632</v>
      </c>
      <c r="L43" s="84">
        <v>4907330375</v>
      </c>
      <c r="M43" s="84">
        <v>1525452566</v>
      </c>
      <c r="N43" s="84">
        <v>480971738</v>
      </c>
      <c r="O43" s="84">
        <v>3381877809</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5:O45"/>
    <mergeCell ref="A1:K1"/>
    <mergeCell ref="A5:K5"/>
    <mergeCell ref="L5:P5"/>
    <mergeCell ref="B12:K13"/>
    <mergeCell ref="L12:O13"/>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66" fitToWidth="2" orientation="portrait" useFirstPageNumber="1" r:id="rId1"/>
  <headerFooter>
    <oddFooter>&amp;C&amp;"ＭＳ Ｐ明朝,標準"&amp;20&amp;P</oddFooter>
  </headerFooter>
  <colBreaks count="1" manualBreakCount="1">
    <brk id="11" max="43" man="1"/>
  </colBreaks>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35"/>
  <sheetViews>
    <sheetView showGridLines="0" view="pageBreakPreview" zoomScaleNormal="70" zoomScaleSheetLayoutView="100" workbookViewId="0">
      <selection sqref="A1:K1"/>
    </sheetView>
  </sheetViews>
  <sheetFormatPr defaultColWidth="8.875" defaultRowHeight="18.75" x14ac:dyDescent="0.15"/>
  <cols>
    <col min="1" max="1" width="30.625" style="136" customWidth="1"/>
    <col min="2" max="7" width="3.5" style="136" customWidth="1"/>
    <col min="8" max="8" width="50.375" style="136" customWidth="1"/>
    <col min="9" max="14" width="32.625" style="136" customWidth="1"/>
    <col min="15" max="15" width="37.625" style="136" customWidth="1"/>
    <col min="16" max="16" width="15.125" style="111" customWidth="1"/>
    <col min="17" max="17" width="7" style="136" customWidth="1"/>
    <col min="18" max="18" width="10.5" style="136" customWidth="1"/>
    <col min="19" max="256" width="8.875" style="136"/>
    <col min="257" max="263" width="3.5" style="136" customWidth="1"/>
    <col min="264" max="264" width="15.625" style="136" customWidth="1"/>
    <col min="265" max="271" width="25.625" style="136" customWidth="1"/>
    <col min="272" max="512" width="8.875" style="136"/>
    <col min="513" max="519" width="3.5" style="136" customWidth="1"/>
    <col min="520" max="520" width="15.625" style="136" customWidth="1"/>
    <col min="521" max="527" width="25.625" style="136" customWidth="1"/>
    <col min="528" max="768" width="8.875" style="136"/>
    <col min="769" max="775" width="3.5" style="136" customWidth="1"/>
    <col min="776" max="776" width="15.625" style="136" customWidth="1"/>
    <col min="777" max="783" width="25.625" style="136" customWidth="1"/>
    <col min="784" max="1024" width="8.875" style="136"/>
    <col min="1025" max="1031" width="3.5" style="136" customWidth="1"/>
    <col min="1032" max="1032" width="15.625" style="136" customWidth="1"/>
    <col min="1033" max="1039" width="25.625" style="136" customWidth="1"/>
    <col min="1040" max="1280" width="8.875" style="136"/>
    <col min="1281" max="1287" width="3.5" style="136" customWidth="1"/>
    <col min="1288" max="1288" width="15.625" style="136" customWidth="1"/>
    <col min="1289" max="1295" width="25.625" style="136" customWidth="1"/>
    <col min="1296" max="1536" width="8.875" style="136"/>
    <col min="1537" max="1543" width="3.5" style="136" customWidth="1"/>
    <col min="1544" max="1544" width="15.625" style="136" customWidth="1"/>
    <col min="1545" max="1551" width="25.625" style="136" customWidth="1"/>
    <col min="1552" max="1792" width="8.875" style="136"/>
    <col min="1793" max="1799" width="3.5" style="136" customWidth="1"/>
    <col min="1800" max="1800" width="15.625" style="136" customWidth="1"/>
    <col min="1801" max="1807" width="25.625" style="136" customWidth="1"/>
    <col min="1808" max="2048" width="8.875" style="136"/>
    <col min="2049" max="2055" width="3.5" style="136" customWidth="1"/>
    <col min="2056" max="2056" width="15.625" style="136" customWidth="1"/>
    <col min="2057" max="2063" width="25.625" style="136" customWidth="1"/>
    <col min="2064" max="2304" width="8.875" style="136"/>
    <col min="2305" max="2311" width="3.5" style="136" customWidth="1"/>
    <col min="2312" max="2312" width="15.625" style="136" customWidth="1"/>
    <col min="2313" max="2319" width="25.625" style="136" customWidth="1"/>
    <col min="2320" max="2560" width="8.875" style="136"/>
    <col min="2561" max="2567" width="3.5" style="136" customWidth="1"/>
    <col min="2568" max="2568" width="15.625" style="136" customWidth="1"/>
    <col min="2569" max="2575" width="25.625" style="136" customWidth="1"/>
    <col min="2576" max="2816" width="8.875" style="136"/>
    <col min="2817" max="2823" width="3.5" style="136" customWidth="1"/>
    <col min="2824" max="2824" width="15.625" style="136" customWidth="1"/>
    <col min="2825" max="2831" width="25.625" style="136" customWidth="1"/>
    <col min="2832" max="3072" width="8.875" style="136"/>
    <col min="3073" max="3079" width="3.5" style="136" customWidth="1"/>
    <col min="3080" max="3080" width="15.625" style="136" customWidth="1"/>
    <col min="3081" max="3087" width="25.625" style="136" customWidth="1"/>
    <col min="3088" max="3328" width="8.875" style="136"/>
    <col min="3329" max="3335" width="3.5" style="136" customWidth="1"/>
    <col min="3336" max="3336" width="15.625" style="136" customWidth="1"/>
    <col min="3337" max="3343" width="25.625" style="136" customWidth="1"/>
    <col min="3344" max="3584" width="8.875" style="136"/>
    <col min="3585" max="3591" width="3.5" style="136" customWidth="1"/>
    <col min="3592" max="3592" width="15.625" style="136" customWidth="1"/>
    <col min="3593" max="3599" width="25.625" style="136" customWidth="1"/>
    <col min="3600" max="3840" width="8.875" style="136"/>
    <col min="3841" max="3847" width="3.5" style="136" customWidth="1"/>
    <col min="3848" max="3848" width="15.625" style="136" customWidth="1"/>
    <col min="3849" max="3855" width="25.625" style="136" customWidth="1"/>
    <col min="3856" max="4096" width="8.875" style="136"/>
    <col min="4097" max="4103" width="3.5" style="136" customWidth="1"/>
    <col min="4104" max="4104" width="15.625" style="136" customWidth="1"/>
    <col min="4105" max="4111" width="25.625" style="136" customWidth="1"/>
    <col min="4112" max="4352" width="8.875" style="136"/>
    <col min="4353" max="4359" width="3.5" style="136" customWidth="1"/>
    <col min="4360" max="4360" width="15.625" style="136" customWidth="1"/>
    <col min="4361" max="4367" width="25.625" style="136" customWidth="1"/>
    <col min="4368" max="4608" width="8.875" style="136"/>
    <col min="4609" max="4615" width="3.5" style="136" customWidth="1"/>
    <col min="4616" max="4616" width="15.625" style="136" customWidth="1"/>
    <col min="4617" max="4623" width="25.625" style="136" customWidth="1"/>
    <col min="4624" max="4864" width="8.875" style="136"/>
    <col min="4865" max="4871" width="3.5" style="136" customWidth="1"/>
    <col min="4872" max="4872" width="15.625" style="136" customWidth="1"/>
    <col min="4873" max="4879" width="25.625" style="136" customWidth="1"/>
    <col min="4880" max="5120" width="8.875" style="136"/>
    <col min="5121" max="5127" width="3.5" style="136" customWidth="1"/>
    <col min="5128" max="5128" width="15.625" style="136" customWidth="1"/>
    <col min="5129" max="5135" width="25.625" style="136" customWidth="1"/>
    <col min="5136" max="5376" width="8.875" style="136"/>
    <col min="5377" max="5383" width="3.5" style="136" customWidth="1"/>
    <col min="5384" max="5384" width="15.625" style="136" customWidth="1"/>
    <col min="5385" max="5391" width="25.625" style="136" customWidth="1"/>
    <col min="5392" max="5632" width="8.875" style="136"/>
    <col min="5633" max="5639" width="3.5" style="136" customWidth="1"/>
    <col min="5640" max="5640" width="15.625" style="136" customWidth="1"/>
    <col min="5641" max="5647" width="25.625" style="136" customWidth="1"/>
    <col min="5648" max="5888" width="8.875" style="136"/>
    <col min="5889" max="5895" width="3.5" style="136" customWidth="1"/>
    <col min="5896" max="5896" width="15.625" style="136" customWidth="1"/>
    <col min="5897" max="5903" width="25.625" style="136" customWidth="1"/>
    <col min="5904" max="6144" width="8.875" style="136"/>
    <col min="6145" max="6151" width="3.5" style="136" customWidth="1"/>
    <col min="6152" max="6152" width="15.625" style="136" customWidth="1"/>
    <col min="6153" max="6159" width="25.625" style="136" customWidth="1"/>
    <col min="6160" max="6400" width="8.875" style="136"/>
    <col min="6401" max="6407" width="3.5" style="136" customWidth="1"/>
    <col min="6408" max="6408" width="15.625" style="136" customWidth="1"/>
    <col min="6409" max="6415" width="25.625" style="136" customWidth="1"/>
    <col min="6416" max="6656" width="8.875" style="136"/>
    <col min="6657" max="6663" width="3.5" style="136" customWidth="1"/>
    <col min="6664" max="6664" width="15.625" style="136" customWidth="1"/>
    <col min="6665" max="6671" width="25.625" style="136" customWidth="1"/>
    <col min="6672" max="6912" width="8.875" style="136"/>
    <col min="6913" max="6919" width="3.5" style="136" customWidth="1"/>
    <col min="6920" max="6920" width="15.625" style="136" customWidth="1"/>
    <col min="6921" max="6927" width="25.625" style="136" customWidth="1"/>
    <col min="6928" max="7168" width="8.875" style="136"/>
    <col min="7169" max="7175" width="3.5" style="136" customWidth="1"/>
    <col min="7176" max="7176" width="15.625" style="136" customWidth="1"/>
    <col min="7177" max="7183" width="25.625" style="136" customWidth="1"/>
    <col min="7184" max="7424" width="8.875" style="136"/>
    <col min="7425" max="7431" width="3.5" style="136" customWidth="1"/>
    <col min="7432" max="7432" width="15.625" style="136" customWidth="1"/>
    <col min="7433" max="7439" width="25.625" style="136" customWidth="1"/>
    <col min="7440" max="7680" width="8.875" style="136"/>
    <col min="7681" max="7687" width="3.5" style="136" customWidth="1"/>
    <col min="7688" max="7688" width="15.625" style="136" customWidth="1"/>
    <col min="7689" max="7695" width="25.625" style="136" customWidth="1"/>
    <col min="7696" max="7936" width="8.875" style="136"/>
    <col min="7937" max="7943" width="3.5" style="136" customWidth="1"/>
    <col min="7944" max="7944" width="15.625" style="136" customWidth="1"/>
    <col min="7945" max="7951" width="25.625" style="136" customWidth="1"/>
    <col min="7952" max="8192" width="8.875" style="136"/>
    <col min="8193" max="8199" width="3.5" style="136" customWidth="1"/>
    <col min="8200" max="8200" width="15.625" style="136" customWidth="1"/>
    <col min="8201" max="8207" width="25.625" style="136" customWidth="1"/>
    <col min="8208" max="8448" width="8.875" style="136"/>
    <col min="8449" max="8455" width="3.5" style="136" customWidth="1"/>
    <col min="8456" max="8456" width="15.625" style="136" customWidth="1"/>
    <col min="8457" max="8463" width="25.625" style="136" customWidth="1"/>
    <col min="8464" max="8704" width="8.875" style="136"/>
    <col min="8705" max="8711" width="3.5" style="136" customWidth="1"/>
    <col min="8712" max="8712" width="15.625" style="136" customWidth="1"/>
    <col min="8713" max="8719" width="25.625" style="136" customWidth="1"/>
    <col min="8720" max="8960" width="8.875" style="136"/>
    <col min="8961" max="8967" width="3.5" style="136" customWidth="1"/>
    <col min="8968" max="8968" width="15.625" style="136" customWidth="1"/>
    <col min="8969" max="8975" width="25.625" style="136" customWidth="1"/>
    <col min="8976" max="9216" width="8.875" style="136"/>
    <col min="9217" max="9223" width="3.5" style="136" customWidth="1"/>
    <col min="9224" max="9224" width="15.625" style="136" customWidth="1"/>
    <col min="9225" max="9231" width="25.625" style="136" customWidth="1"/>
    <col min="9232" max="9472" width="8.875" style="136"/>
    <col min="9473" max="9479" width="3.5" style="136" customWidth="1"/>
    <col min="9480" max="9480" width="15.625" style="136" customWidth="1"/>
    <col min="9481" max="9487" width="25.625" style="136" customWidth="1"/>
    <col min="9488" max="9728" width="8.875" style="136"/>
    <col min="9729" max="9735" width="3.5" style="136" customWidth="1"/>
    <col min="9736" max="9736" width="15.625" style="136" customWidth="1"/>
    <col min="9737" max="9743" width="25.625" style="136" customWidth="1"/>
    <col min="9744" max="9984" width="8.875" style="136"/>
    <col min="9985" max="9991" width="3.5" style="136" customWidth="1"/>
    <col min="9992" max="9992" width="15.625" style="136" customWidth="1"/>
    <col min="9993" max="9999" width="25.625" style="136" customWidth="1"/>
    <col min="10000" max="10240" width="8.875" style="136"/>
    <col min="10241" max="10247" width="3.5" style="136" customWidth="1"/>
    <col min="10248" max="10248" width="15.625" style="136" customWidth="1"/>
    <col min="10249" max="10255" width="25.625" style="136" customWidth="1"/>
    <col min="10256" max="10496" width="8.875" style="136"/>
    <col min="10497" max="10503" width="3.5" style="136" customWidth="1"/>
    <col min="10504" max="10504" width="15.625" style="136" customWidth="1"/>
    <col min="10505" max="10511" width="25.625" style="136" customWidth="1"/>
    <col min="10512" max="10752" width="8.875" style="136"/>
    <col min="10753" max="10759" width="3.5" style="136" customWidth="1"/>
    <col min="10760" max="10760" width="15.625" style="136" customWidth="1"/>
    <col min="10761" max="10767" width="25.625" style="136" customWidth="1"/>
    <col min="10768" max="11008" width="8.875" style="136"/>
    <col min="11009" max="11015" width="3.5" style="136" customWidth="1"/>
    <col min="11016" max="11016" width="15.625" style="136" customWidth="1"/>
    <col min="11017" max="11023" width="25.625" style="136" customWidth="1"/>
    <col min="11024" max="11264" width="8.875" style="136"/>
    <col min="11265" max="11271" width="3.5" style="136" customWidth="1"/>
    <col min="11272" max="11272" width="15.625" style="136" customWidth="1"/>
    <col min="11273" max="11279" width="25.625" style="136" customWidth="1"/>
    <col min="11280" max="11520" width="8.875" style="136"/>
    <col min="11521" max="11527" width="3.5" style="136" customWidth="1"/>
    <col min="11528" max="11528" width="15.625" style="136" customWidth="1"/>
    <col min="11529" max="11535" width="25.625" style="136" customWidth="1"/>
    <col min="11536" max="11776" width="8.875" style="136"/>
    <col min="11777" max="11783" width="3.5" style="136" customWidth="1"/>
    <col min="11784" max="11784" width="15.625" style="136" customWidth="1"/>
    <col min="11785" max="11791" width="25.625" style="136" customWidth="1"/>
    <col min="11792" max="12032" width="8.875" style="136"/>
    <col min="12033" max="12039" width="3.5" style="136" customWidth="1"/>
    <col min="12040" max="12040" width="15.625" style="136" customWidth="1"/>
    <col min="12041" max="12047" width="25.625" style="136" customWidth="1"/>
    <col min="12048" max="12288" width="8.875" style="136"/>
    <col min="12289" max="12295" width="3.5" style="136" customWidth="1"/>
    <col min="12296" max="12296" width="15.625" style="136" customWidth="1"/>
    <col min="12297" max="12303" width="25.625" style="136" customWidth="1"/>
    <col min="12304" max="12544" width="8.875" style="136"/>
    <col min="12545" max="12551" width="3.5" style="136" customWidth="1"/>
    <col min="12552" max="12552" width="15.625" style="136" customWidth="1"/>
    <col min="12553" max="12559" width="25.625" style="136" customWidth="1"/>
    <col min="12560" max="12800" width="8.875" style="136"/>
    <col min="12801" max="12807" width="3.5" style="136" customWidth="1"/>
    <col min="12808" max="12808" width="15.625" style="136" customWidth="1"/>
    <col min="12809" max="12815" width="25.625" style="136" customWidth="1"/>
    <col min="12816" max="13056" width="8.875" style="136"/>
    <col min="13057" max="13063" width="3.5" style="136" customWidth="1"/>
    <col min="13064" max="13064" width="15.625" style="136" customWidth="1"/>
    <col min="13065" max="13071" width="25.625" style="136" customWidth="1"/>
    <col min="13072" max="13312" width="8.875" style="136"/>
    <col min="13313" max="13319" width="3.5" style="136" customWidth="1"/>
    <col min="13320" max="13320" width="15.625" style="136" customWidth="1"/>
    <col min="13321" max="13327" width="25.625" style="136" customWidth="1"/>
    <col min="13328" max="13568" width="8.875" style="136"/>
    <col min="13569" max="13575" width="3.5" style="136" customWidth="1"/>
    <col min="13576" max="13576" width="15.625" style="136" customWidth="1"/>
    <col min="13577" max="13583" width="25.625" style="136" customWidth="1"/>
    <col min="13584" max="13824" width="8.875" style="136"/>
    <col min="13825" max="13831" width="3.5" style="136" customWidth="1"/>
    <col min="13832" max="13832" width="15.625" style="136" customWidth="1"/>
    <col min="13833" max="13839" width="25.625" style="136" customWidth="1"/>
    <col min="13840" max="14080" width="8.875" style="136"/>
    <col min="14081" max="14087" width="3.5" style="136" customWidth="1"/>
    <col min="14088" max="14088" width="15.625" style="136" customWidth="1"/>
    <col min="14089" max="14095" width="25.625" style="136" customWidth="1"/>
    <col min="14096" max="14336" width="8.875" style="136"/>
    <col min="14337" max="14343" width="3.5" style="136" customWidth="1"/>
    <col min="14344" max="14344" width="15.625" style="136" customWidth="1"/>
    <col min="14345" max="14351" width="25.625" style="136" customWidth="1"/>
    <col min="14352" max="14592" width="8.875" style="136"/>
    <col min="14593" max="14599" width="3.5" style="136" customWidth="1"/>
    <col min="14600" max="14600" width="15.625" style="136" customWidth="1"/>
    <col min="14601" max="14607" width="25.625" style="136" customWidth="1"/>
    <col min="14608" max="14848" width="8.875" style="136"/>
    <col min="14849" max="14855" width="3.5" style="136" customWidth="1"/>
    <col min="14856" max="14856" width="15.625" style="136" customWidth="1"/>
    <col min="14857" max="14863" width="25.625" style="136" customWidth="1"/>
    <col min="14864" max="15104" width="8.875" style="136"/>
    <col min="15105" max="15111" width="3.5" style="136" customWidth="1"/>
    <col min="15112" max="15112" width="15.625" style="136" customWidth="1"/>
    <col min="15113" max="15119" width="25.625" style="136" customWidth="1"/>
    <col min="15120" max="15360" width="8.875" style="136"/>
    <col min="15361" max="15367" width="3.5" style="136" customWidth="1"/>
    <col min="15368" max="15368" width="15.625" style="136" customWidth="1"/>
    <col min="15369" max="15375" width="25.625" style="136" customWidth="1"/>
    <col min="15376" max="15616" width="8.875" style="136"/>
    <col min="15617" max="15623" width="3.5" style="136" customWidth="1"/>
    <col min="15624" max="15624" width="15.625" style="136" customWidth="1"/>
    <col min="15625" max="15631" width="25.625" style="136" customWidth="1"/>
    <col min="15632" max="15872" width="8.875" style="136"/>
    <col min="15873" max="15879" width="3.5" style="136" customWidth="1"/>
    <col min="15880" max="15880" width="15.625" style="136" customWidth="1"/>
    <col min="15881" max="15887" width="25.625" style="136" customWidth="1"/>
    <col min="15888" max="16128" width="8.875" style="136"/>
    <col min="16129" max="16135" width="3.5" style="136" customWidth="1"/>
    <col min="16136" max="16136" width="15.625" style="136" customWidth="1"/>
    <col min="16137" max="16143" width="25.625" style="136" customWidth="1"/>
    <col min="16144" max="16384" width="8.875" style="136"/>
  </cols>
  <sheetData>
    <row r="1" spans="1:16" s="102" customFormat="1" ht="22.5" customHeight="1" x14ac:dyDescent="0.15">
      <c r="A1" s="275" t="s">
        <v>527</v>
      </c>
      <c r="B1" s="275"/>
      <c r="C1" s="275"/>
      <c r="D1" s="275"/>
      <c r="E1" s="275"/>
      <c r="F1" s="275"/>
      <c r="G1" s="275"/>
      <c r="H1" s="275"/>
      <c r="I1" s="275"/>
      <c r="J1" s="275"/>
      <c r="K1" s="275"/>
      <c r="P1" s="203"/>
    </row>
    <row r="2" spans="1:16" s="1" customFormat="1" ht="22.5" customHeight="1" x14ac:dyDescent="0.15">
      <c r="B2" s="103"/>
      <c r="P2" s="204"/>
    </row>
    <row r="3" spans="1:16" s="1" customFormat="1" ht="22.5" customHeight="1" x14ac:dyDescent="0.15">
      <c r="B3" s="103"/>
      <c r="P3" s="204"/>
    </row>
    <row r="4" spans="1:16" s="1" customFormat="1" ht="22.5" customHeight="1" x14ac:dyDescent="0.15">
      <c r="B4" s="103"/>
      <c r="P4" s="204"/>
    </row>
    <row r="5" spans="1:16" s="148" customFormat="1" ht="28.5" customHeight="1" x14ac:dyDescent="0.15">
      <c r="A5" s="304" t="s">
        <v>281</v>
      </c>
      <c r="B5" s="304"/>
      <c r="C5" s="304"/>
      <c r="D5" s="304"/>
      <c r="E5" s="304"/>
      <c r="F5" s="304"/>
      <c r="G5" s="304"/>
      <c r="H5" s="304"/>
      <c r="I5" s="304"/>
      <c r="J5" s="304"/>
      <c r="K5" s="305" t="s">
        <v>284</v>
      </c>
      <c r="L5" s="305"/>
      <c r="M5" s="305"/>
      <c r="N5" s="305"/>
      <c r="O5" s="305"/>
      <c r="P5" s="205"/>
    </row>
    <row r="6" spans="1:16" s="148" customFormat="1" ht="21.95" customHeight="1" x14ac:dyDescent="0.15">
      <c r="A6" s="237"/>
      <c r="B6" s="237"/>
      <c r="C6" s="237"/>
      <c r="D6" s="237"/>
      <c r="E6" s="237"/>
      <c r="F6" s="237"/>
      <c r="G6" s="237"/>
      <c r="H6" s="237"/>
      <c r="I6" s="237"/>
      <c r="J6" s="237"/>
      <c r="K6" s="238"/>
      <c r="L6" s="238"/>
      <c r="M6" s="238"/>
      <c r="N6" s="238"/>
      <c r="O6" s="238"/>
      <c r="P6" s="205"/>
    </row>
    <row r="7" spans="1:16" x14ac:dyDescent="0.15">
      <c r="M7" s="94"/>
      <c r="N7" s="94" t="s">
        <v>219</v>
      </c>
    </row>
    <row r="8" spans="1:16" ht="21.75" customHeight="1" x14ac:dyDescent="0.15">
      <c r="B8" s="309" t="s">
        <v>220</v>
      </c>
      <c r="C8" s="310"/>
      <c r="D8" s="310"/>
      <c r="E8" s="310"/>
      <c r="F8" s="310"/>
      <c r="G8" s="310"/>
      <c r="H8" s="311"/>
      <c r="I8" s="315" t="s">
        <v>221</v>
      </c>
      <c r="J8" s="317" t="s">
        <v>222</v>
      </c>
      <c r="K8" s="317" t="s">
        <v>223</v>
      </c>
      <c r="L8" s="317" t="s">
        <v>224</v>
      </c>
      <c r="M8" s="317" t="s">
        <v>225</v>
      </c>
      <c r="N8" s="317" t="s">
        <v>226</v>
      </c>
    </row>
    <row r="9" spans="1:16" ht="21.95" customHeight="1" x14ac:dyDescent="0.15">
      <c r="B9" s="312"/>
      <c r="C9" s="313"/>
      <c r="D9" s="313"/>
      <c r="E9" s="313"/>
      <c r="F9" s="313"/>
      <c r="G9" s="313"/>
      <c r="H9" s="314"/>
      <c r="I9" s="316"/>
      <c r="J9" s="318"/>
      <c r="K9" s="318"/>
      <c r="L9" s="318"/>
      <c r="M9" s="318"/>
      <c r="N9" s="318"/>
    </row>
    <row r="10" spans="1:16" ht="21.95" customHeight="1" x14ac:dyDescent="0.15">
      <c r="B10" s="201" t="s">
        <v>536</v>
      </c>
      <c r="C10" s="199"/>
      <c r="D10" s="199"/>
      <c r="E10" s="199"/>
      <c r="F10" s="199"/>
      <c r="G10" s="199"/>
      <c r="H10" s="200"/>
      <c r="I10" s="137">
        <v>2253367960</v>
      </c>
      <c r="J10" s="137">
        <v>0</v>
      </c>
      <c r="K10" s="137">
        <v>0</v>
      </c>
      <c r="L10" s="137">
        <v>0</v>
      </c>
      <c r="M10" s="146">
        <v>0</v>
      </c>
      <c r="N10" s="137">
        <v>2253367960</v>
      </c>
    </row>
    <row r="11" spans="1:16" ht="22.5" customHeight="1" x14ac:dyDescent="0.15">
      <c r="B11" s="306" t="s">
        <v>232</v>
      </c>
      <c r="C11" s="307"/>
      <c r="D11" s="307"/>
      <c r="E11" s="307"/>
      <c r="F11" s="307"/>
      <c r="G11" s="307"/>
      <c r="H11" s="308"/>
      <c r="I11" s="137">
        <v>2253367960</v>
      </c>
      <c r="J11" s="137">
        <v>0</v>
      </c>
      <c r="K11" s="137">
        <v>0</v>
      </c>
      <c r="L11" s="137">
        <v>0</v>
      </c>
      <c r="M11" s="137">
        <v>0</v>
      </c>
      <c r="N11" s="137">
        <v>2253367960</v>
      </c>
    </row>
    <row r="13" spans="1:16" x14ac:dyDescent="0.15">
      <c r="N13" s="105"/>
    </row>
    <row r="32" spans="3:6" x14ac:dyDescent="0.15">
      <c r="C32" s="111"/>
      <c r="D32" s="111"/>
      <c r="E32" s="111"/>
      <c r="F32" s="111"/>
    </row>
    <row r="33" spans="3:6" x14ac:dyDescent="0.15">
      <c r="C33" s="111"/>
      <c r="D33" s="111"/>
      <c r="E33" s="111"/>
      <c r="F33" s="111"/>
    </row>
    <row r="34" spans="3:6" x14ac:dyDescent="0.15">
      <c r="C34" s="111"/>
      <c r="D34" s="111"/>
      <c r="E34" s="111"/>
      <c r="F34" s="111"/>
    </row>
    <row r="35" spans="3:6" x14ac:dyDescent="0.15">
      <c r="C35" s="111"/>
      <c r="D35" s="111"/>
      <c r="E35" s="111"/>
      <c r="F35" s="111"/>
    </row>
  </sheetData>
  <mergeCells count="11">
    <mergeCell ref="B11:H11"/>
    <mergeCell ref="A1:K1"/>
    <mergeCell ref="A5:J5"/>
    <mergeCell ref="K5:O5"/>
    <mergeCell ref="B8:H9"/>
    <mergeCell ref="I8:I9"/>
    <mergeCell ref="J8:J9"/>
    <mergeCell ref="K8:K9"/>
    <mergeCell ref="L8:L9"/>
    <mergeCell ref="M8:M9"/>
    <mergeCell ref="N8:N9"/>
  </mergeCells>
  <phoneticPr fontId="24"/>
  <printOptions horizontalCentered="1"/>
  <pageMargins left="0.19685039370078741" right="0.19685039370078741" top="0.31496062992125984" bottom="0.19685039370078741" header="0.11811023622047245" footer="0.11811023622047245"/>
  <pageSetup paperSize="9" scale="58" firstPageNumber="68" fitToWidth="2" fitToHeight="0" orientation="portrait" useFirstPageNumber="1" r:id="rId1"/>
  <headerFooter>
    <oddFooter>&amp;C&amp;"ＭＳ Ｐ明朝,標準"&amp;20&amp;P</oddFooter>
  </headerFooter>
  <colBreaks count="2" manualBreakCount="2">
    <brk id="10" max="10" man="1"/>
    <brk id="19" min="6" max="36" man="1"/>
  </colBreaks>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16" width="8.875" style="89" customWidth="1"/>
    <col min="17"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27</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7127841478</v>
      </c>
      <c r="J10" s="146">
        <v>1191894934</v>
      </c>
      <c r="K10" s="146">
        <v>1835566491</v>
      </c>
      <c r="L10" s="146">
        <v>0</v>
      </c>
      <c r="M10" s="146">
        <v>1835566491</v>
      </c>
      <c r="N10" s="91">
        <v>6484169921</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227702895</v>
      </c>
      <c r="J16" s="146">
        <v>226832252</v>
      </c>
      <c r="K16" s="146">
        <v>209033207</v>
      </c>
      <c r="L16" s="146">
        <v>18669688</v>
      </c>
      <c r="M16" s="146">
        <v>227702895</v>
      </c>
      <c r="N16" s="91">
        <v>226832252</v>
      </c>
    </row>
    <row r="17" spans="2:14" ht="22.5" customHeight="1" x14ac:dyDescent="0.15">
      <c r="B17" s="336" t="s">
        <v>56</v>
      </c>
      <c r="C17" s="336"/>
      <c r="D17" s="336"/>
      <c r="E17" s="336"/>
      <c r="F17" s="336"/>
      <c r="G17" s="336"/>
      <c r="H17" s="336"/>
      <c r="I17" s="91">
        <v>2832937092</v>
      </c>
      <c r="J17" s="146">
        <v>38767926</v>
      </c>
      <c r="K17" s="146">
        <v>0</v>
      </c>
      <c r="L17" s="146">
        <v>181436918</v>
      </c>
      <c r="M17" s="146">
        <v>181436918</v>
      </c>
      <c r="N17" s="91">
        <v>269026810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10188481465</v>
      </c>
      <c r="J19" s="146">
        <v>1457495112</v>
      </c>
      <c r="K19" s="146">
        <v>2044599698</v>
      </c>
      <c r="L19" s="146">
        <v>200106606</v>
      </c>
      <c r="M19" s="146">
        <v>2244706304</v>
      </c>
      <c r="N19" s="91">
        <v>9401270273</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70" fitToWidth="2" fitToHeight="0" orientation="portrait" useFirstPageNumber="1" r:id="rId1"/>
  <headerFooter>
    <oddFooter>&amp;C&amp;"ＭＳ Ｐ明朝,標準"&amp;20&amp;P</oddFooter>
  </headerFooter>
  <colBreaks count="1" manualBreakCount="1">
    <brk id="10" max="18" man="1"/>
  </colBreaks>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2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2" t="s">
        <v>330</v>
      </c>
      <c r="B17" s="262"/>
      <c r="C17" s="262"/>
      <c r="D17" s="262"/>
      <c r="E17" s="262"/>
      <c r="F17" s="262"/>
      <c r="G17" s="262"/>
      <c r="H17" s="262"/>
      <c r="I17" s="262"/>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H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28</v>
      </c>
      <c r="B1" s="266"/>
      <c r="C1" s="266"/>
      <c r="D1" s="266"/>
      <c r="E1" s="266"/>
      <c r="F1" s="266"/>
      <c r="G1" s="266"/>
      <c r="H1" s="266"/>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2193143</v>
      </c>
      <c r="J10" s="23"/>
      <c r="K10" s="21"/>
      <c r="L10" s="15" t="s">
        <v>43</v>
      </c>
      <c r="M10" s="13"/>
      <c r="N10" s="13"/>
      <c r="O10" s="13"/>
      <c r="P10" s="13"/>
      <c r="Q10" s="13"/>
      <c r="R10" s="14">
        <v>0</v>
      </c>
      <c r="S10" s="54"/>
      <c r="T10" s="2"/>
    </row>
    <row r="11" spans="1:20" ht="22.5" customHeight="1" x14ac:dyDescent="0.15">
      <c r="B11" s="21"/>
      <c r="C11" s="13"/>
      <c r="D11" s="13" t="s">
        <v>4</v>
      </c>
      <c r="E11" s="13"/>
      <c r="F11" s="13"/>
      <c r="G11" s="13"/>
      <c r="H11" s="13"/>
      <c r="I11" s="14">
        <v>0</v>
      </c>
      <c r="J11" s="23"/>
      <c r="K11" s="21"/>
      <c r="L11" s="13"/>
      <c r="M11" s="13" t="s">
        <v>44</v>
      </c>
      <c r="N11" s="13"/>
      <c r="O11" s="13"/>
      <c r="P11" s="13"/>
      <c r="Q11" s="13"/>
      <c r="R11" s="14">
        <v>0</v>
      </c>
      <c r="S11" s="54"/>
      <c r="T11" s="2"/>
    </row>
    <row r="12" spans="1:20" ht="22.5" customHeight="1" x14ac:dyDescent="0.15">
      <c r="B12" s="21"/>
      <c r="C12" s="13"/>
      <c r="D12" s="13"/>
      <c r="E12" s="13" t="s">
        <v>5</v>
      </c>
      <c r="F12" s="13"/>
      <c r="G12" s="13"/>
      <c r="H12" s="13"/>
      <c r="I12" s="14">
        <v>0</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5120426</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2927283</v>
      </c>
      <c r="J15" s="23"/>
      <c r="K15" s="21"/>
      <c r="L15" s="13"/>
      <c r="M15" s="13" t="s">
        <v>48</v>
      </c>
      <c r="N15" s="13"/>
      <c r="O15" s="13"/>
      <c r="P15" s="13"/>
      <c r="Q15" s="13"/>
      <c r="R15" s="14">
        <v>0</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0</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0</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23299764</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0</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0</v>
      </c>
      <c r="J25" s="23"/>
      <c r="K25" s="21"/>
      <c r="L25" s="13"/>
      <c r="M25" s="13" t="s">
        <v>56</v>
      </c>
      <c r="N25" s="13"/>
      <c r="O25" s="13"/>
      <c r="P25" s="13"/>
      <c r="Q25" s="13"/>
      <c r="R25" s="14">
        <v>0</v>
      </c>
      <c r="S25" s="54"/>
      <c r="T25" s="2"/>
    </row>
    <row r="26" spans="2:20" ht="22.5" customHeight="1" x14ac:dyDescent="0.15">
      <c r="B26" s="21"/>
      <c r="C26" s="247"/>
      <c r="D26" s="247"/>
      <c r="E26" s="247"/>
      <c r="F26" s="247" t="s">
        <v>17</v>
      </c>
      <c r="G26" s="13"/>
      <c r="H26" s="13"/>
      <c r="I26" s="14">
        <v>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0</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0</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25492907</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0</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0</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23299764</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23299764</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25492907</v>
      </c>
      <c r="S60" s="52"/>
      <c r="T60" s="2"/>
    </row>
    <row r="61" spans="2:20" ht="22.5" customHeight="1" x14ac:dyDescent="0.15">
      <c r="B61" s="45" t="s">
        <v>65</v>
      </c>
      <c r="C61" s="46"/>
      <c r="D61" s="47"/>
      <c r="E61" s="47"/>
      <c r="F61" s="47"/>
      <c r="G61" s="47"/>
      <c r="H61" s="47"/>
      <c r="I61" s="48">
        <v>25492907</v>
      </c>
      <c r="J61" s="49"/>
      <c r="K61" s="45" t="s">
        <v>67</v>
      </c>
      <c r="L61" s="47"/>
      <c r="M61" s="47"/>
      <c r="N61" s="47"/>
      <c r="O61" s="47"/>
      <c r="P61" s="47"/>
      <c r="Q61" s="47"/>
      <c r="R61" s="48">
        <v>25492907</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B5:S5"/>
    <mergeCell ref="B6:S6"/>
    <mergeCell ref="A1:H1"/>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74" orientation="portrait" blackAndWhite="1" useFirstPageNumber="1" r:id="rId1"/>
  <headerFooter>
    <oddFooter>&amp;C&amp;"ＭＳ Ｐ明朝,標準"&amp;20&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55"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398</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49"/>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1578930070461</v>
      </c>
      <c r="J9" s="12"/>
      <c r="L9" s="13"/>
    </row>
    <row r="10" spans="1:12" ht="22.5" customHeight="1" x14ac:dyDescent="0.15">
      <c r="B10" s="60"/>
      <c r="C10" s="28" t="s">
        <v>69</v>
      </c>
      <c r="D10" s="28"/>
      <c r="E10" s="28"/>
      <c r="F10" s="28"/>
      <c r="G10" s="28"/>
      <c r="H10" s="29"/>
      <c r="I10" s="14">
        <v>777855478767</v>
      </c>
      <c r="J10" s="61"/>
      <c r="L10" s="13"/>
    </row>
    <row r="11" spans="1:12" ht="22.5" customHeight="1" x14ac:dyDescent="0.15">
      <c r="B11" s="60"/>
      <c r="C11" s="28" t="s">
        <v>70</v>
      </c>
      <c r="D11" s="28"/>
      <c r="E11" s="28"/>
      <c r="F11" s="28"/>
      <c r="G11" s="28"/>
      <c r="H11" s="29"/>
      <c r="I11" s="14">
        <v>5916715460</v>
      </c>
      <c r="J11" s="61"/>
      <c r="L11" s="13"/>
    </row>
    <row r="12" spans="1:12" ht="22.5" customHeight="1" x14ac:dyDescent="0.15">
      <c r="B12" s="60"/>
      <c r="C12" s="28" t="s">
        <v>71</v>
      </c>
      <c r="D12" s="28"/>
      <c r="E12" s="28"/>
      <c r="F12" s="28"/>
      <c r="G12" s="28"/>
      <c r="H12" s="29"/>
      <c r="I12" s="14">
        <v>76383304678</v>
      </c>
      <c r="J12" s="61"/>
      <c r="L12" s="13"/>
    </row>
    <row r="13" spans="1:12" ht="22.5" customHeight="1" x14ac:dyDescent="0.15">
      <c r="B13" s="60"/>
      <c r="C13" s="28" t="s">
        <v>72</v>
      </c>
      <c r="D13" s="28"/>
      <c r="E13" s="28"/>
      <c r="F13" s="28"/>
      <c r="G13" s="28"/>
      <c r="H13" s="29"/>
      <c r="I13" s="14">
        <v>6000419000</v>
      </c>
      <c r="J13" s="61"/>
      <c r="L13" s="13"/>
    </row>
    <row r="14" spans="1:12" ht="22.5" customHeight="1" x14ac:dyDescent="0.15">
      <c r="B14" s="60"/>
      <c r="C14" s="28" t="s">
        <v>73</v>
      </c>
      <c r="D14" s="28"/>
      <c r="E14" s="28"/>
      <c r="F14" s="28"/>
      <c r="G14" s="28"/>
      <c r="H14" s="29"/>
      <c r="I14" s="14">
        <v>44514032000</v>
      </c>
      <c r="J14" s="61"/>
      <c r="L14" s="13"/>
    </row>
    <row r="15" spans="1:12" ht="22.5" customHeight="1" x14ac:dyDescent="0.15">
      <c r="B15" s="60"/>
      <c r="C15" s="28" t="s">
        <v>74</v>
      </c>
      <c r="D15" s="28"/>
      <c r="E15" s="28"/>
      <c r="F15" s="28"/>
      <c r="G15" s="28"/>
      <c r="H15" s="29"/>
      <c r="I15" s="14">
        <v>0</v>
      </c>
      <c r="J15" s="61"/>
      <c r="L15" s="13"/>
    </row>
    <row r="16" spans="1:12" ht="22.5" customHeight="1" x14ac:dyDescent="0.15">
      <c r="B16" s="60"/>
      <c r="C16" s="28" t="s">
        <v>75</v>
      </c>
      <c r="D16" s="28"/>
      <c r="E16" s="28"/>
      <c r="F16" s="28"/>
      <c r="G16" s="28"/>
      <c r="H16" s="29"/>
      <c r="I16" s="14">
        <v>4937880746</v>
      </c>
      <c r="J16" s="61"/>
      <c r="L16" s="13"/>
    </row>
    <row r="17" spans="2:12" ht="22.5" customHeight="1" x14ac:dyDescent="0.15">
      <c r="B17" s="60"/>
      <c r="C17" s="28" t="s">
        <v>76</v>
      </c>
      <c r="D17" s="28"/>
      <c r="E17" s="28"/>
      <c r="F17" s="28"/>
      <c r="G17" s="28"/>
      <c r="H17" s="29"/>
      <c r="I17" s="14">
        <v>69814790610</v>
      </c>
      <c r="J17" s="61"/>
      <c r="L17" s="13"/>
    </row>
    <row r="18" spans="2:12" ht="22.5" customHeight="1" x14ac:dyDescent="0.15">
      <c r="B18" s="60"/>
      <c r="C18" s="28" t="s">
        <v>77</v>
      </c>
      <c r="D18" s="28"/>
      <c r="E18" s="28"/>
      <c r="F18" s="28"/>
      <c r="G18" s="28"/>
      <c r="H18" s="29"/>
      <c r="I18" s="14">
        <v>499482327658</v>
      </c>
      <c r="J18" s="61"/>
      <c r="L18" s="13"/>
    </row>
    <row r="19" spans="2:12" ht="22.5" customHeight="1" x14ac:dyDescent="0.15">
      <c r="B19" s="60"/>
      <c r="C19" s="28" t="s">
        <v>78</v>
      </c>
      <c r="D19" s="28"/>
      <c r="E19" s="28"/>
      <c r="F19" s="28"/>
      <c r="G19" s="28"/>
      <c r="H19" s="29"/>
      <c r="I19" s="14">
        <v>5059911352</v>
      </c>
      <c r="J19" s="61"/>
      <c r="L19" s="13"/>
    </row>
    <row r="20" spans="2:12" ht="22.5" customHeight="1" x14ac:dyDescent="0.15">
      <c r="B20" s="60"/>
      <c r="C20" s="28"/>
      <c r="D20" s="28" t="s">
        <v>79</v>
      </c>
      <c r="E20" s="28"/>
      <c r="F20" s="28"/>
      <c r="G20" s="28"/>
      <c r="H20" s="29"/>
      <c r="I20" s="14">
        <v>0</v>
      </c>
      <c r="J20" s="61"/>
      <c r="L20" s="13"/>
    </row>
    <row r="21" spans="2:12" ht="22.5" customHeight="1" x14ac:dyDescent="0.15">
      <c r="B21" s="60"/>
      <c r="C21" s="28"/>
      <c r="D21" s="28" t="s">
        <v>80</v>
      </c>
      <c r="E21" s="28"/>
      <c r="F21" s="28"/>
      <c r="G21" s="28"/>
      <c r="H21" s="29"/>
      <c r="I21" s="14">
        <v>1690417352</v>
      </c>
      <c r="J21" s="61"/>
      <c r="L21" s="13"/>
    </row>
    <row r="22" spans="2:12" ht="22.5" customHeight="1" x14ac:dyDescent="0.15">
      <c r="B22" s="60"/>
      <c r="C22" s="28"/>
      <c r="D22" s="28" t="s">
        <v>81</v>
      </c>
      <c r="E22" s="28"/>
      <c r="F22" s="28"/>
      <c r="G22" s="28"/>
      <c r="H22" s="29"/>
      <c r="I22" s="14">
        <v>336949400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12494742012</v>
      </c>
      <c r="J24" s="61"/>
      <c r="L24" s="13"/>
    </row>
    <row r="25" spans="2:12" ht="22.5" customHeight="1" x14ac:dyDescent="0.15">
      <c r="B25" s="251"/>
      <c r="C25" s="252" t="s">
        <v>84</v>
      </c>
      <c r="D25" s="252"/>
      <c r="E25" s="252"/>
      <c r="F25" s="62"/>
      <c r="G25" s="62"/>
      <c r="H25" s="63"/>
      <c r="I25" s="64">
        <v>76470468178</v>
      </c>
      <c r="J25" s="65"/>
      <c r="L25" s="13"/>
    </row>
    <row r="26" spans="2:12" ht="22.5" customHeight="1" x14ac:dyDescent="0.15">
      <c r="B26" s="249" t="s">
        <v>85</v>
      </c>
      <c r="C26" s="250"/>
      <c r="D26" s="250"/>
      <c r="E26" s="250"/>
      <c r="F26" s="28"/>
      <c r="G26" s="28"/>
      <c r="H26" s="29"/>
      <c r="I26" s="16">
        <v>1414785938728</v>
      </c>
      <c r="J26" s="61"/>
      <c r="L26" s="13"/>
    </row>
    <row r="27" spans="2:12" ht="22.5" customHeight="1" x14ac:dyDescent="0.15">
      <c r="B27" s="249"/>
      <c r="C27" s="250" t="s">
        <v>86</v>
      </c>
      <c r="D27" s="250"/>
      <c r="E27" s="250"/>
      <c r="F27" s="28"/>
      <c r="G27" s="28"/>
      <c r="H27" s="29"/>
      <c r="I27" s="14">
        <v>274871914762</v>
      </c>
      <c r="J27" s="66"/>
      <c r="L27" s="13"/>
    </row>
    <row r="28" spans="2:12" ht="22.5" customHeight="1" x14ac:dyDescent="0.15">
      <c r="B28" s="60"/>
      <c r="C28" s="28" t="s">
        <v>87</v>
      </c>
      <c r="D28" s="28"/>
      <c r="E28" s="28"/>
      <c r="F28" s="28"/>
      <c r="G28" s="28"/>
      <c r="H28" s="29"/>
      <c r="I28" s="14">
        <v>20772472552</v>
      </c>
      <c r="J28" s="66"/>
      <c r="L28" s="13"/>
    </row>
    <row r="29" spans="2:12" ht="22.5" customHeight="1" x14ac:dyDescent="0.15">
      <c r="B29" s="60"/>
      <c r="C29" s="28" t="s">
        <v>88</v>
      </c>
      <c r="D29" s="28"/>
      <c r="E29" s="28"/>
      <c r="F29" s="28"/>
      <c r="G29" s="28"/>
      <c r="H29" s="29"/>
      <c r="I29" s="14">
        <v>3631456574</v>
      </c>
      <c r="J29" s="66"/>
      <c r="L29" s="13"/>
    </row>
    <row r="30" spans="2:12" ht="22.5" customHeight="1" x14ac:dyDescent="0.15">
      <c r="B30" s="60"/>
      <c r="C30" s="28" t="s">
        <v>89</v>
      </c>
      <c r="D30" s="28"/>
      <c r="E30" s="28"/>
      <c r="F30" s="28"/>
      <c r="G30" s="28"/>
      <c r="H30" s="29"/>
      <c r="I30" s="14">
        <v>136354119495</v>
      </c>
      <c r="J30" s="66"/>
      <c r="L30" s="13"/>
    </row>
    <row r="31" spans="2:12" ht="22.5" customHeight="1" x14ac:dyDescent="0.15">
      <c r="B31" s="60"/>
      <c r="C31" s="28" t="s">
        <v>90</v>
      </c>
      <c r="D31" s="28"/>
      <c r="E31" s="28"/>
      <c r="F31" s="28"/>
      <c r="G31" s="28"/>
      <c r="H31" s="29"/>
      <c r="I31" s="14">
        <v>54040511766</v>
      </c>
      <c r="J31" s="66"/>
      <c r="L31" s="13"/>
    </row>
    <row r="32" spans="2:12" ht="22.5" customHeight="1" x14ac:dyDescent="0.15">
      <c r="B32" s="60"/>
      <c r="C32" s="28" t="s">
        <v>91</v>
      </c>
      <c r="D32" s="28"/>
      <c r="E32" s="28"/>
      <c r="F32" s="28"/>
      <c r="G32" s="28"/>
      <c r="H32" s="29"/>
      <c r="I32" s="14">
        <v>95947845223</v>
      </c>
      <c r="J32" s="66"/>
      <c r="L32" s="13"/>
    </row>
    <row r="33" spans="2:12" ht="22.5" customHeight="1" x14ac:dyDescent="0.15">
      <c r="B33" s="60"/>
      <c r="C33" s="28" t="s">
        <v>92</v>
      </c>
      <c r="D33" s="28"/>
      <c r="E33" s="28"/>
      <c r="F33" s="28"/>
      <c r="G33" s="28"/>
      <c r="H33" s="29"/>
      <c r="I33" s="14">
        <v>18939373430</v>
      </c>
      <c r="J33" s="66"/>
      <c r="L33" s="13"/>
    </row>
    <row r="34" spans="2:12" ht="22.5" customHeight="1" x14ac:dyDescent="0.15">
      <c r="B34" s="60"/>
      <c r="C34" s="28" t="s">
        <v>93</v>
      </c>
      <c r="D34" s="28"/>
      <c r="E34" s="28"/>
      <c r="F34" s="28"/>
      <c r="G34" s="28"/>
      <c r="H34" s="29"/>
      <c r="I34" s="14">
        <v>39434181</v>
      </c>
      <c r="J34" s="66"/>
      <c r="L34" s="13"/>
    </row>
    <row r="35" spans="2:12" ht="22.5" customHeight="1" x14ac:dyDescent="0.15">
      <c r="B35" s="60"/>
      <c r="C35" s="28" t="s">
        <v>94</v>
      </c>
      <c r="D35" s="28"/>
      <c r="E35" s="28"/>
      <c r="F35" s="28"/>
      <c r="G35" s="28"/>
      <c r="H35" s="29"/>
      <c r="I35" s="14">
        <v>1784766655</v>
      </c>
      <c r="J35" s="66"/>
      <c r="L35" s="13"/>
    </row>
    <row r="36" spans="2:12" ht="22.5" customHeight="1" x14ac:dyDescent="0.15">
      <c r="B36" s="60"/>
      <c r="C36" s="28" t="s">
        <v>95</v>
      </c>
      <c r="D36" s="28"/>
      <c r="E36" s="28"/>
      <c r="F36" s="28"/>
      <c r="G36" s="28"/>
      <c r="H36" s="29"/>
      <c r="I36" s="14">
        <v>-2470399005</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567722023483</v>
      </c>
      <c r="J38" s="66"/>
      <c r="L38" s="13"/>
    </row>
    <row r="39" spans="2:12" ht="22.5" customHeight="1" x14ac:dyDescent="0.15">
      <c r="B39" s="60"/>
      <c r="C39" s="28" t="s">
        <v>98</v>
      </c>
      <c r="D39" s="28"/>
      <c r="E39" s="28"/>
      <c r="F39" s="28"/>
      <c r="G39" s="28"/>
      <c r="H39" s="29"/>
      <c r="I39" s="14">
        <v>124429890079</v>
      </c>
      <c r="J39" s="66"/>
      <c r="L39" s="13"/>
    </row>
    <row r="40" spans="2:12" ht="22.5" customHeight="1" x14ac:dyDescent="0.15">
      <c r="B40" s="60"/>
      <c r="C40" s="28" t="s">
        <v>99</v>
      </c>
      <c r="D40" s="28"/>
      <c r="E40" s="28"/>
      <c r="F40" s="28"/>
      <c r="G40" s="28"/>
      <c r="H40" s="29"/>
      <c r="I40" s="14">
        <v>118679591933</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92280963321</v>
      </c>
      <c r="J42" s="66"/>
      <c r="L42" s="13"/>
    </row>
    <row r="43" spans="2:12" ht="22.5" customHeight="1" x14ac:dyDescent="0.15">
      <c r="B43" s="60"/>
      <c r="C43" s="28"/>
      <c r="D43" s="28" t="s">
        <v>102</v>
      </c>
      <c r="E43" s="28"/>
      <c r="F43" s="28"/>
      <c r="G43" s="28"/>
      <c r="H43" s="29"/>
      <c r="I43" s="14">
        <v>26398628612</v>
      </c>
      <c r="J43" s="66"/>
      <c r="L43" s="13"/>
    </row>
    <row r="44" spans="2:12" ht="22.5" customHeight="1" x14ac:dyDescent="0.15">
      <c r="B44" s="60"/>
      <c r="C44" s="28" t="s">
        <v>103</v>
      </c>
      <c r="D44" s="28"/>
      <c r="E44" s="28"/>
      <c r="F44" s="28"/>
      <c r="G44" s="28"/>
      <c r="H44" s="29"/>
      <c r="I44" s="14">
        <v>42937600</v>
      </c>
      <c r="J44" s="66"/>
      <c r="L44" s="13"/>
    </row>
    <row r="45" spans="2:12" ht="22.5" customHeight="1" x14ac:dyDescent="0.15">
      <c r="B45" s="56" t="s">
        <v>104</v>
      </c>
      <c r="C45" s="57"/>
      <c r="D45" s="57"/>
      <c r="E45" s="57"/>
      <c r="F45" s="57"/>
      <c r="G45" s="57"/>
      <c r="H45" s="58"/>
      <c r="I45" s="48">
        <v>164144131733</v>
      </c>
      <c r="J45" s="59"/>
      <c r="L45" s="13"/>
    </row>
    <row r="46" spans="2:12" ht="22.5" customHeight="1" x14ac:dyDescent="0.15">
      <c r="B46" s="60" t="s">
        <v>105</v>
      </c>
      <c r="C46" s="28"/>
      <c r="D46" s="28"/>
      <c r="E46" s="28"/>
      <c r="F46" s="28"/>
      <c r="G46" s="28"/>
      <c r="H46" s="29"/>
      <c r="I46" s="16">
        <v>10664358275</v>
      </c>
      <c r="J46" s="66"/>
      <c r="L46" s="13"/>
    </row>
    <row r="47" spans="2:12" ht="22.5" customHeight="1" x14ac:dyDescent="0.15">
      <c r="B47" s="60"/>
      <c r="C47" s="28" t="s">
        <v>106</v>
      </c>
      <c r="D47" s="28"/>
      <c r="E47" s="28"/>
      <c r="F47" s="28"/>
      <c r="G47" s="28"/>
      <c r="H47" s="29"/>
      <c r="I47" s="14">
        <v>3301208104</v>
      </c>
      <c r="J47" s="66"/>
      <c r="L47" s="13"/>
    </row>
    <row r="48" spans="2:12" ht="22.5" customHeight="1" x14ac:dyDescent="0.15">
      <c r="B48" s="60"/>
      <c r="C48" s="28" t="s">
        <v>107</v>
      </c>
      <c r="D48" s="28"/>
      <c r="E48" s="28"/>
      <c r="F48" s="28"/>
      <c r="G48" s="28"/>
      <c r="H48" s="29"/>
      <c r="I48" s="14">
        <v>1089805535</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6273344636</v>
      </c>
      <c r="J50" s="66"/>
      <c r="L50" s="13"/>
    </row>
    <row r="51" spans="1:12" ht="22.5" customHeight="1" x14ac:dyDescent="0.15">
      <c r="B51" s="60" t="s">
        <v>110</v>
      </c>
      <c r="C51" s="28"/>
      <c r="D51" s="28"/>
      <c r="E51" s="28"/>
      <c r="F51" s="28"/>
      <c r="G51" s="28"/>
      <c r="H51" s="29"/>
      <c r="I51" s="14">
        <v>98929975411</v>
      </c>
      <c r="J51" s="66"/>
      <c r="L51" s="13"/>
    </row>
    <row r="52" spans="1:12" ht="22.5" customHeight="1" x14ac:dyDescent="0.15">
      <c r="B52" s="60"/>
      <c r="C52" s="28" t="s">
        <v>111</v>
      </c>
      <c r="D52" s="28"/>
      <c r="E52" s="28"/>
      <c r="F52" s="28"/>
      <c r="G52" s="28"/>
      <c r="H52" s="29"/>
      <c r="I52" s="14">
        <v>20753811302</v>
      </c>
      <c r="J52" s="66"/>
      <c r="L52" s="13"/>
    </row>
    <row r="53" spans="1:12" ht="22.5" customHeight="1" x14ac:dyDescent="0.15">
      <c r="B53" s="60"/>
      <c r="C53" s="28" t="s">
        <v>112</v>
      </c>
      <c r="D53" s="28"/>
      <c r="E53" s="28"/>
      <c r="F53" s="28"/>
      <c r="G53" s="28"/>
      <c r="H53" s="29"/>
      <c r="I53" s="14">
        <v>806844725</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4120335</v>
      </c>
      <c r="J55" s="66"/>
      <c r="L55" s="13"/>
    </row>
    <row r="56" spans="1:12" ht="22.5" customHeight="1" x14ac:dyDescent="0.15">
      <c r="B56" s="60"/>
      <c r="C56" s="28" t="s">
        <v>108</v>
      </c>
      <c r="D56" s="28"/>
      <c r="E56" s="28"/>
      <c r="F56" s="28"/>
      <c r="G56" s="28"/>
      <c r="H56" s="29"/>
      <c r="I56" s="14">
        <v>67537692312</v>
      </c>
      <c r="J56" s="66"/>
      <c r="L56" s="13"/>
    </row>
    <row r="57" spans="1:12" ht="22.5" customHeight="1" x14ac:dyDescent="0.15">
      <c r="B57" s="60"/>
      <c r="C57" s="28" t="s">
        <v>114</v>
      </c>
      <c r="D57" s="28"/>
      <c r="E57" s="28"/>
      <c r="F57" s="28"/>
      <c r="G57" s="28"/>
      <c r="H57" s="29"/>
      <c r="I57" s="14">
        <v>9827506737</v>
      </c>
      <c r="J57" s="66"/>
      <c r="L57" s="13"/>
    </row>
    <row r="58" spans="1:12" ht="22.5" customHeight="1" x14ac:dyDescent="0.15">
      <c r="B58" s="56" t="s">
        <v>115</v>
      </c>
      <c r="C58" s="57"/>
      <c r="D58" s="57"/>
      <c r="E58" s="57"/>
      <c r="F58" s="57"/>
      <c r="G58" s="57"/>
      <c r="H58" s="58"/>
      <c r="I58" s="48">
        <v>-88265617136</v>
      </c>
      <c r="J58" s="59"/>
      <c r="L58" s="13"/>
    </row>
    <row r="59" spans="1:12" ht="22.5" customHeight="1" x14ac:dyDescent="0.15">
      <c r="A59" s="13"/>
      <c r="B59" s="56" t="s">
        <v>116</v>
      </c>
      <c r="C59" s="47"/>
      <c r="D59" s="47"/>
      <c r="E59" s="47"/>
      <c r="F59" s="47"/>
      <c r="G59" s="47"/>
      <c r="H59" s="47"/>
      <c r="I59" s="48">
        <v>75878514597</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3" orientation="portrait" blackAndWhite="1" useFirstPageNumber="1" r:id="rId1"/>
  <headerFooter>
    <oddFooter>&amp;C&amp;"ＭＳ Ｐ明朝,標準"&amp;20&amp;P</oddFooter>
  </headerFooter>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528</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506332143</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38655340</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0</v>
      </c>
      <c r="J17" s="61"/>
      <c r="L17" s="13"/>
    </row>
    <row r="18" spans="2:12" ht="22.5" customHeight="1" x14ac:dyDescent="0.15">
      <c r="B18" s="60"/>
      <c r="C18" s="28" t="s">
        <v>77</v>
      </c>
      <c r="D18" s="28"/>
      <c r="E18" s="28"/>
      <c r="F18" s="28"/>
      <c r="G18" s="28"/>
      <c r="H18" s="29"/>
      <c r="I18" s="14">
        <v>87085000</v>
      </c>
      <c r="J18" s="61"/>
      <c r="L18" s="13"/>
    </row>
    <row r="19" spans="2:12" ht="22.5" customHeight="1" x14ac:dyDescent="0.15">
      <c r="B19" s="60"/>
      <c r="C19" s="28" t="s">
        <v>78</v>
      </c>
      <c r="D19" s="28"/>
      <c r="E19" s="28"/>
      <c r="F19" s="28"/>
      <c r="G19" s="28"/>
      <c r="H19" s="29"/>
      <c r="I19" s="14">
        <v>90832960</v>
      </c>
      <c r="J19" s="61"/>
      <c r="L19" s="13"/>
    </row>
    <row r="20" spans="2:12" ht="22.5" customHeight="1" x14ac:dyDescent="0.15">
      <c r="B20" s="60"/>
      <c r="C20" s="28"/>
      <c r="D20" s="28" t="s">
        <v>79</v>
      </c>
      <c r="E20" s="28"/>
      <c r="F20" s="28"/>
      <c r="G20" s="28"/>
      <c r="H20" s="29"/>
      <c r="I20" s="14">
        <v>90832960</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13843</v>
      </c>
      <c r="J24" s="61"/>
      <c r="L24" s="13"/>
    </row>
    <row r="25" spans="2:12" ht="22.5" customHeight="1" x14ac:dyDescent="0.15">
      <c r="B25" s="251"/>
      <c r="C25" s="252" t="s">
        <v>84</v>
      </c>
      <c r="D25" s="252"/>
      <c r="E25" s="252"/>
      <c r="F25" s="62"/>
      <c r="G25" s="62"/>
      <c r="H25" s="63"/>
      <c r="I25" s="64">
        <v>289745000</v>
      </c>
      <c r="J25" s="65"/>
      <c r="L25" s="13"/>
    </row>
    <row r="26" spans="2:12" ht="22.5" customHeight="1" x14ac:dyDescent="0.15">
      <c r="B26" s="249" t="s">
        <v>85</v>
      </c>
      <c r="C26" s="250"/>
      <c r="D26" s="250"/>
      <c r="E26" s="250"/>
      <c r="F26" s="28"/>
      <c r="G26" s="28"/>
      <c r="H26" s="29"/>
      <c r="I26" s="16">
        <v>504250760</v>
      </c>
      <c r="J26" s="61"/>
      <c r="L26" s="13"/>
    </row>
    <row r="27" spans="2:12" ht="22.5" customHeight="1" x14ac:dyDescent="0.15">
      <c r="B27" s="249"/>
      <c r="C27" s="250" t="s">
        <v>86</v>
      </c>
      <c r="D27" s="250"/>
      <c r="E27" s="250"/>
      <c r="F27" s="28"/>
      <c r="G27" s="28"/>
      <c r="H27" s="29"/>
      <c r="I27" s="14">
        <v>0</v>
      </c>
      <c r="J27" s="66"/>
      <c r="L27" s="13"/>
    </row>
    <row r="28" spans="2:12" ht="22.5" customHeight="1" x14ac:dyDescent="0.15">
      <c r="B28" s="60"/>
      <c r="C28" s="28" t="s">
        <v>87</v>
      </c>
      <c r="D28" s="28"/>
      <c r="E28" s="28"/>
      <c r="F28" s="28"/>
      <c r="G28" s="28"/>
      <c r="H28" s="29"/>
      <c r="I28" s="14">
        <v>0</v>
      </c>
      <c r="J28" s="66"/>
      <c r="L28" s="13"/>
    </row>
    <row r="29" spans="2:12" ht="22.5" customHeight="1" x14ac:dyDescent="0.15">
      <c r="B29" s="60"/>
      <c r="C29" s="28" t="s">
        <v>88</v>
      </c>
      <c r="D29" s="28"/>
      <c r="E29" s="28"/>
      <c r="F29" s="28"/>
      <c r="G29" s="28"/>
      <c r="H29" s="29"/>
      <c r="I29" s="14">
        <v>0</v>
      </c>
      <c r="J29" s="66"/>
      <c r="L29" s="13"/>
    </row>
    <row r="30" spans="2:12" ht="22.5" customHeight="1" x14ac:dyDescent="0.15">
      <c r="B30" s="60"/>
      <c r="C30" s="28" t="s">
        <v>89</v>
      </c>
      <c r="D30" s="28"/>
      <c r="E30" s="28"/>
      <c r="F30" s="28"/>
      <c r="G30" s="28"/>
      <c r="H30" s="29"/>
      <c r="I30" s="14">
        <v>216604500</v>
      </c>
      <c r="J30" s="66"/>
      <c r="L30" s="13"/>
    </row>
    <row r="31" spans="2:12" ht="22.5" customHeight="1" x14ac:dyDescent="0.15">
      <c r="B31" s="60"/>
      <c r="C31" s="28" t="s">
        <v>90</v>
      </c>
      <c r="D31" s="28"/>
      <c r="E31" s="28"/>
      <c r="F31" s="28"/>
      <c r="G31" s="28"/>
      <c r="H31" s="29"/>
      <c r="I31" s="14">
        <v>0</v>
      </c>
      <c r="J31" s="66"/>
      <c r="L31" s="13"/>
    </row>
    <row r="32" spans="2:12" ht="22.5" customHeight="1" x14ac:dyDescent="0.15">
      <c r="B32" s="60"/>
      <c r="C32" s="28" t="s">
        <v>91</v>
      </c>
      <c r="D32" s="28"/>
      <c r="E32" s="28"/>
      <c r="F32" s="28"/>
      <c r="G32" s="28"/>
      <c r="H32" s="29"/>
      <c r="I32" s="14">
        <v>0</v>
      </c>
      <c r="J32" s="66"/>
      <c r="L32" s="13"/>
    </row>
    <row r="33" spans="2:12" ht="22.5" customHeight="1" x14ac:dyDescent="0.15">
      <c r="B33" s="60"/>
      <c r="C33" s="28" t="s">
        <v>92</v>
      </c>
      <c r="D33" s="28"/>
      <c r="E33" s="28"/>
      <c r="F33" s="28"/>
      <c r="G33" s="28"/>
      <c r="H33" s="29"/>
      <c r="I33" s="14">
        <v>0</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21260</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287625000</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2081383</v>
      </c>
      <c r="J45" s="59"/>
      <c r="L45" s="13"/>
    </row>
    <row r="46" spans="2:12" ht="22.5" customHeight="1" x14ac:dyDescent="0.15">
      <c r="B46" s="60" t="s">
        <v>105</v>
      </c>
      <c r="C46" s="28"/>
      <c r="D46" s="28"/>
      <c r="E46" s="28"/>
      <c r="F46" s="28"/>
      <c r="G46" s="28"/>
      <c r="H46" s="29"/>
      <c r="I46" s="16">
        <v>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0</v>
      </c>
      <c r="J50" s="66"/>
      <c r="L50" s="13"/>
    </row>
    <row r="51" spans="1:12" ht="22.5" customHeight="1" x14ac:dyDescent="0.15">
      <c r="B51" s="60" t="s">
        <v>110</v>
      </c>
      <c r="C51" s="28"/>
      <c r="D51" s="28"/>
      <c r="E51" s="28"/>
      <c r="F51" s="28"/>
      <c r="G51" s="28"/>
      <c r="H51" s="29"/>
      <c r="I51" s="14">
        <v>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0</v>
      </c>
      <c r="J57" s="66"/>
      <c r="L57" s="13"/>
    </row>
    <row r="58" spans="1:12" ht="22.5" customHeight="1" x14ac:dyDescent="0.15">
      <c r="B58" s="56" t="s">
        <v>115</v>
      </c>
      <c r="C58" s="57"/>
      <c r="D58" s="57"/>
      <c r="E58" s="57"/>
      <c r="F58" s="57"/>
      <c r="G58" s="57"/>
      <c r="H58" s="58"/>
      <c r="I58" s="48">
        <v>0</v>
      </c>
      <c r="J58" s="59"/>
      <c r="L58" s="13"/>
    </row>
    <row r="59" spans="1:12" ht="22.5" customHeight="1" x14ac:dyDescent="0.15">
      <c r="A59" s="13"/>
      <c r="B59" s="56" t="s">
        <v>116</v>
      </c>
      <c r="C59" s="47"/>
      <c r="D59" s="47"/>
      <c r="E59" s="47"/>
      <c r="F59" s="47"/>
      <c r="G59" s="47"/>
      <c r="H59" s="47"/>
      <c r="I59" s="48">
        <v>2081383</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75" orientation="portrait" blackAndWhite="1" useFirstPageNumber="1" r:id="rId1"/>
  <headerFooter>
    <oddFooter>&amp;C&amp;"ＭＳ Ｐ明朝,標準"&amp;20&amp;P</oddFooter>
  </headerFooter>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60" zoomScaleSheetLayoutView="100" workbookViewId="0">
      <selection sqref="A1:I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28</v>
      </c>
      <c r="B1" s="275"/>
      <c r="C1" s="275"/>
      <c r="D1" s="275"/>
      <c r="E1" s="275"/>
      <c r="F1" s="275"/>
      <c r="G1" s="275"/>
      <c r="H1" s="275"/>
      <c r="I1" s="275"/>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23411524</v>
      </c>
      <c r="K10" s="44">
        <v>0</v>
      </c>
      <c r="L10" s="44">
        <v>23411524</v>
      </c>
      <c r="M10" s="13"/>
      <c r="N10" s="13"/>
    </row>
    <row r="11" spans="1:14" ht="50.1" customHeight="1" x14ac:dyDescent="0.15">
      <c r="A11" s="13"/>
      <c r="B11" s="13"/>
      <c r="C11" s="274" t="s">
        <v>325</v>
      </c>
      <c r="D11" s="274"/>
      <c r="E11" s="274"/>
      <c r="F11" s="274"/>
      <c r="G11" s="274"/>
      <c r="H11" s="274"/>
      <c r="I11" s="274"/>
      <c r="J11" s="44">
        <v>2081383</v>
      </c>
      <c r="K11" s="44">
        <v>0</v>
      </c>
      <c r="L11" s="44">
        <v>2081383</v>
      </c>
      <c r="M11" s="13"/>
      <c r="N11" s="13"/>
    </row>
    <row r="12" spans="1:14" ht="50.1" customHeight="1" x14ac:dyDescent="0.15">
      <c r="A12" s="13"/>
      <c r="B12" s="13"/>
      <c r="C12" s="274" t="s">
        <v>326</v>
      </c>
      <c r="D12" s="274"/>
      <c r="E12" s="274"/>
      <c r="F12" s="274"/>
      <c r="G12" s="274"/>
      <c r="H12" s="274"/>
      <c r="I12" s="274"/>
      <c r="J12" s="44">
        <v>25492907</v>
      </c>
      <c r="K12" s="44">
        <v>0</v>
      </c>
      <c r="L12" s="44">
        <v>25492907</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C5:L5"/>
    <mergeCell ref="C6:L6"/>
    <mergeCell ref="A1:I1"/>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76" orientation="portrait" blackAndWhite="1" useFirstPageNumber="1" r:id="rId1"/>
  <headerFooter>
    <oddFooter>&amp;C&amp;"ＭＳ Ｐ明朝,標準"&amp;20&amp;P</oddFooter>
  </headerFooter>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28</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2931643</v>
      </c>
      <c r="S9" s="12"/>
      <c r="T9" s="2"/>
    </row>
    <row r="10" spans="1:20" ht="22.5" customHeight="1" x14ac:dyDescent="0.15">
      <c r="A10" s="21"/>
      <c r="B10" s="13" t="s">
        <v>118</v>
      </c>
      <c r="C10" s="13"/>
      <c r="D10" s="13"/>
      <c r="E10" s="13"/>
      <c r="F10" s="13"/>
      <c r="G10" s="13"/>
      <c r="H10" s="14">
        <v>506339563</v>
      </c>
      <c r="I10" s="54"/>
      <c r="J10" s="13"/>
      <c r="K10" s="21"/>
      <c r="L10" s="13"/>
      <c r="M10" s="13" t="s">
        <v>157</v>
      </c>
      <c r="N10" s="13"/>
      <c r="O10" s="13"/>
      <c r="P10" s="13"/>
      <c r="Q10" s="13"/>
      <c r="R10" s="14">
        <v>0</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2931643</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2931643</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3864496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8708500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90832960</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90832960</v>
      </c>
      <c r="I21" s="54"/>
      <c r="J21" s="13"/>
      <c r="K21" s="45" t="s">
        <v>164</v>
      </c>
      <c r="L21" s="47"/>
      <c r="M21" s="47"/>
      <c r="N21" s="47"/>
      <c r="O21" s="47"/>
      <c r="P21" s="47"/>
      <c r="Q21" s="47"/>
      <c r="R21" s="48">
        <v>-2110063</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31643</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289745000</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504229500</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0</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216604500</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0</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0</v>
      </c>
      <c r="I31" s="54"/>
      <c r="J31" s="13"/>
      <c r="K31" s="21"/>
      <c r="L31" s="13" t="s">
        <v>170</v>
      </c>
      <c r="M31" s="13"/>
      <c r="N31" s="13"/>
      <c r="O31" s="13"/>
      <c r="P31" s="13"/>
      <c r="Q31" s="13"/>
      <c r="R31" s="14">
        <v>0</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0</v>
      </c>
      <c r="S32" s="54"/>
      <c r="T32" s="2"/>
    </row>
    <row r="33" spans="1:20" ht="22.5" customHeight="1" x14ac:dyDescent="0.15">
      <c r="A33" s="21"/>
      <c r="B33" s="13"/>
      <c r="C33" s="13" t="s">
        <v>140</v>
      </c>
      <c r="D33" s="13"/>
      <c r="E33" s="13"/>
      <c r="F33" s="13"/>
      <c r="G33" s="13"/>
      <c r="H33" s="14">
        <v>287625000</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0</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2110063</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0</v>
      </c>
      <c r="S40" s="52"/>
      <c r="T40" s="2"/>
    </row>
    <row r="41" spans="1:20" ht="22.5" customHeight="1" x14ac:dyDescent="0.15">
      <c r="A41" s="21"/>
      <c r="B41" s="13" t="s">
        <v>148</v>
      </c>
      <c r="C41" s="13"/>
      <c r="D41" s="13"/>
      <c r="E41" s="13"/>
      <c r="F41" s="13"/>
      <c r="G41" s="13"/>
      <c r="H41" s="14">
        <v>821580</v>
      </c>
      <c r="I41" s="54"/>
      <c r="J41" s="13"/>
      <c r="K41" s="45" t="s">
        <v>176</v>
      </c>
      <c r="L41" s="47"/>
      <c r="M41" s="47"/>
      <c r="N41" s="47"/>
      <c r="O41" s="47"/>
      <c r="P41" s="47"/>
      <c r="Q41" s="47"/>
      <c r="R41" s="48">
        <v>0</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0</v>
      </c>
      <c r="S42" s="52"/>
      <c r="T42" s="2"/>
    </row>
    <row r="43" spans="1:20" ht="22.5" customHeight="1" x14ac:dyDescent="0.15">
      <c r="A43" s="21"/>
      <c r="B43" s="13"/>
      <c r="C43" s="13" t="s">
        <v>150</v>
      </c>
      <c r="D43" s="13"/>
      <c r="E43" s="13"/>
      <c r="F43" s="13"/>
      <c r="G43" s="13"/>
      <c r="H43" s="14">
        <v>821580</v>
      </c>
      <c r="I43" s="54"/>
      <c r="J43" s="13"/>
      <c r="K43" s="45" t="s">
        <v>178</v>
      </c>
      <c r="L43" s="47"/>
      <c r="M43" s="47"/>
      <c r="N43" s="47"/>
      <c r="O43" s="47"/>
      <c r="P43" s="47"/>
      <c r="Q43" s="47"/>
      <c r="R43" s="48">
        <v>0</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82158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77" orientation="portrait" blackAndWhite="1" useFirstPageNumber="1" r:id="rId1"/>
  <headerFooter>
    <oddFooter>&amp;C&amp;"ＭＳ Ｐ明朝,標準"&amp;20&amp;P</oddFooter>
  </headerFooter>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7"/>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28</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3</v>
      </c>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245" t="s">
        <v>544</v>
      </c>
      <c r="D30" s="245"/>
      <c r="E30" s="245"/>
      <c r="F30" s="246"/>
    </row>
    <row r="31" spans="2:6" s="172" customFormat="1" ht="20.25" x14ac:dyDescent="0.15">
      <c r="B31" s="168"/>
      <c r="C31" s="246"/>
      <c r="D31" s="246"/>
      <c r="E31" s="246"/>
      <c r="F31" s="246"/>
    </row>
    <row r="32" spans="2:6" s="172" customFormat="1" ht="20.25" x14ac:dyDescent="0.15">
      <c r="B32" s="168" t="s">
        <v>376</v>
      </c>
      <c r="C32" s="246"/>
      <c r="D32" s="246"/>
      <c r="E32" s="246"/>
      <c r="F32" s="246"/>
    </row>
    <row r="33" spans="2:6" s="172" customFormat="1" ht="20.25" customHeight="1" x14ac:dyDescent="0.15">
      <c r="B33" s="168"/>
      <c r="C33" s="245"/>
      <c r="D33" s="245"/>
      <c r="E33" s="245"/>
      <c r="F33" s="246"/>
    </row>
    <row r="34" spans="2:6" s="172" customFormat="1" ht="20.25" x14ac:dyDescent="0.15">
      <c r="B34" s="168"/>
      <c r="C34" s="217" t="s">
        <v>545</v>
      </c>
      <c r="D34" s="217"/>
      <c r="E34" s="217"/>
    </row>
    <row r="35" spans="2:6" s="172" customFormat="1" ht="37.5" customHeight="1" x14ac:dyDescent="0.15">
      <c r="B35" s="168"/>
      <c r="C35" s="228"/>
      <c r="D35" s="224"/>
      <c r="E35" s="222"/>
    </row>
    <row r="36" spans="2:6" s="172" customFormat="1" ht="37.5" customHeight="1" x14ac:dyDescent="0.15">
      <c r="B36" s="168"/>
      <c r="C36" s="228"/>
      <c r="D36" s="229"/>
      <c r="E36" s="222"/>
    </row>
    <row r="37" spans="2:6" s="172" customFormat="1" ht="37.5" customHeight="1" x14ac:dyDescent="0.15">
      <c r="B37" s="168"/>
      <c r="C37" s="228"/>
      <c r="D37" s="225"/>
      <c r="E37" s="222"/>
    </row>
    <row r="38" spans="2:6" s="172" customFormat="1" ht="37.5" customHeight="1" x14ac:dyDescent="0.15">
      <c r="B38" s="168"/>
      <c r="C38" s="224"/>
      <c r="D38" s="225"/>
      <c r="E38" s="222"/>
    </row>
    <row r="39" spans="2:6" s="172" customFormat="1" ht="20.25" x14ac:dyDescent="0.15">
      <c r="B39" s="168"/>
      <c r="C39" s="177"/>
      <c r="D39" s="177"/>
    </row>
    <row r="40" spans="2:6" s="172" customFormat="1" ht="20.25" x14ac:dyDescent="0.15">
      <c r="B40" s="168"/>
    </row>
    <row r="41" spans="2:6" s="172" customFormat="1" ht="20.25" customHeight="1" x14ac:dyDescent="0.15">
      <c r="B41" s="168"/>
      <c r="C41" s="217"/>
      <c r="D41" s="217"/>
      <c r="E41" s="217"/>
    </row>
    <row r="42" spans="2:6" s="172" customFormat="1" ht="20.25" x14ac:dyDescent="0.15">
      <c r="B42" s="168"/>
      <c r="C42" s="227"/>
      <c r="D42" s="227"/>
      <c r="E42" s="227"/>
      <c r="F42" s="222"/>
    </row>
    <row r="43" spans="2:6" s="172" customFormat="1" ht="20.25" customHeight="1" x14ac:dyDescent="0.15">
      <c r="B43" s="168"/>
      <c r="C43" s="227"/>
      <c r="D43" s="227"/>
      <c r="E43" s="227"/>
      <c r="F43" s="222"/>
    </row>
    <row r="44" spans="2:6" s="172" customFormat="1" ht="20.25" x14ac:dyDescent="0.15">
      <c r="B44" s="168"/>
      <c r="C44" s="222"/>
      <c r="D44" s="222"/>
      <c r="E44" s="222"/>
      <c r="F44" s="222"/>
    </row>
    <row r="45" spans="2:6" s="172" customFormat="1" ht="20.25" x14ac:dyDescent="0.15">
      <c r="B45" s="168"/>
      <c r="C45" s="222"/>
      <c r="D45" s="222"/>
      <c r="E45" s="223"/>
      <c r="F45" s="222"/>
    </row>
    <row r="46" spans="2:6" s="172" customFormat="1" ht="20.25" x14ac:dyDescent="0.15">
      <c r="B46" s="168"/>
      <c r="C46" s="224"/>
      <c r="D46" s="224"/>
      <c r="E46" s="224"/>
      <c r="F46" s="222"/>
    </row>
    <row r="47" spans="2:6" s="172" customFormat="1" ht="93" customHeight="1" x14ac:dyDescent="0.15">
      <c r="B47" s="168"/>
      <c r="C47" s="224"/>
      <c r="D47" s="225"/>
      <c r="E47" s="226"/>
      <c r="F47" s="222"/>
    </row>
    <row r="48" spans="2:6" s="172" customFormat="1" ht="20.25" customHeight="1" x14ac:dyDescent="0.15">
      <c r="B48" s="168"/>
      <c r="C48" s="222"/>
      <c r="D48" s="222"/>
      <c r="E48" s="222"/>
      <c r="F48" s="222"/>
    </row>
    <row r="49" spans="2:6" s="172" customFormat="1" ht="20.25" x14ac:dyDescent="0.15">
      <c r="B49" s="168"/>
      <c r="C49" s="177"/>
      <c r="D49" s="177"/>
      <c r="E49" s="177"/>
      <c r="F49" s="222"/>
    </row>
    <row r="50" spans="2:6" s="172" customFormat="1" ht="20.25" customHeight="1" x14ac:dyDescent="0.15">
      <c r="B50" s="168"/>
      <c r="C50" s="350"/>
      <c r="D50" s="350"/>
      <c r="E50" s="350"/>
      <c r="F50" s="222"/>
    </row>
    <row r="51" spans="2:6" s="172" customFormat="1" ht="20.25" customHeight="1" x14ac:dyDescent="0.15">
      <c r="B51" s="168"/>
      <c r="C51" s="350"/>
      <c r="D51" s="350"/>
      <c r="E51" s="350"/>
      <c r="F51" s="222"/>
    </row>
    <row r="52" spans="2:6" s="172" customFormat="1" ht="20.25" customHeight="1" x14ac:dyDescent="0.15">
      <c r="B52" s="168"/>
      <c r="C52" s="349"/>
      <c r="D52" s="349"/>
      <c r="E52" s="349"/>
      <c r="F52" s="222"/>
    </row>
    <row r="53" spans="2:6" s="172" customFormat="1" ht="20.25" customHeight="1" x14ac:dyDescent="0.15">
      <c r="B53" s="168"/>
      <c r="C53" s="227"/>
      <c r="D53" s="227"/>
      <c r="E53" s="227"/>
      <c r="F53" s="222"/>
    </row>
    <row r="54" spans="2:6" s="172" customFormat="1" ht="20.25" customHeight="1" x14ac:dyDescent="0.15">
      <c r="B54" s="181"/>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282"/>
      <c r="D58" s="282"/>
      <c r="E58" s="282"/>
    </row>
    <row r="59" spans="2:6" s="172" customFormat="1" ht="20.25" customHeight="1" x14ac:dyDescent="0.15">
      <c r="B59" s="168"/>
      <c r="C59" s="283"/>
      <c r="D59" s="283"/>
      <c r="E59" s="217"/>
    </row>
    <row r="60" spans="2:6" s="172" customFormat="1" ht="20.25" customHeight="1" x14ac:dyDescent="0.15">
      <c r="B60" s="181"/>
      <c r="C60" s="281"/>
      <c r="D60" s="281"/>
      <c r="E60" s="281"/>
    </row>
    <row r="61" spans="2:6" s="172" customFormat="1" ht="20.25" customHeight="1" x14ac:dyDescent="0.15">
      <c r="B61" s="168"/>
      <c r="C61" s="281"/>
      <c r="D61" s="281"/>
      <c r="E61" s="281"/>
    </row>
    <row r="62" spans="2:6" s="172" customFormat="1" ht="20.25" customHeight="1" x14ac:dyDescent="0.15">
      <c r="B62" s="168"/>
      <c r="C62" s="217"/>
      <c r="D62" s="217"/>
      <c r="E62" s="217"/>
    </row>
    <row r="63" spans="2:6" s="172" customFormat="1" ht="20.25" customHeight="1" x14ac:dyDescent="0.15">
      <c r="B63" s="168"/>
      <c r="C63" s="217"/>
      <c r="D63" s="217"/>
      <c r="E63" s="217"/>
    </row>
    <row r="64" spans="2:6" s="172" customFormat="1" ht="48" customHeight="1" x14ac:dyDescent="0.15">
      <c r="B64" s="168"/>
      <c r="C64" s="182"/>
      <c r="D64" s="182"/>
      <c r="E64" s="182"/>
    </row>
    <row r="65" spans="3:5" s="198" customFormat="1" ht="22.5" customHeight="1" x14ac:dyDescent="0.15">
      <c r="C65" s="195"/>
      <c r="D65" s="195"/>
      <c r="E65" s="195"/>
    </row>
    <row r="66" spans="3:5" s="198" customFormat="1" ht="22.5" customHeight="1" x14ac:dyDescent="0.15">
      <c r="C66" s="195"/>
      <c r="D66" s="195"/>
      <c r="E66" s="195"/>
    </row>
    <row r="67" spans="3:5" s="198" customFormat="1" ht="21" customHeight="1" x14ac:dyDescent="0.15">
      <c r="C67" s="195"/>
      <c r="D67" s="195"/>
      <c r="E67" s="195"/>
    </row>
  </sheetData>
  <mergeCells count="16">
    <mergeCell ref="D12:E12"/>
    <mergeCell ref="A1:C1"/>
    <mergeCell ref="B5:E5"/>
    <mergeCell ref="D9:E9"/>
    <mergeCell ref="D10:E10"/>
    <mergeCell ref="D11:E11"/>
    <mergeCell ref="C54:E57"/>
    <mergeCell ref="C58:E58"/>
    <mergeCell ref="C59:D59"/>
    <mergeCell ref="C60:E61"/>
    <mergeCell ref="B13:E13"/>
    <mergeCell ref="B17:E17"/>
    <mergeCell ref="D21:E21"/>
    <mergeCell ref="D22:E22"/>
    <mergeCell ref="C50:E51"/>
    <mergeCell ref="C52:E52"/>
  </mergeCells>
  <phoneticPr fontId="24"/>
  <printOptions horizontalCentered="1"/>
  <pageMargins left="0.19685039370078741" right="0.19685039370078741" top="0.31496062992125984" bottom="0.19685039370078741" header="0.11811023622047245" footer="0.11811023622047245"/>
  <pageSetup paperSize="9" scale="58" firstPageNumber="78" fitToHeight="0" orientation="portrait" useFirstPageNumber="1" r:id="rId1"/>
  <headerFooter>
    <oddFooter>&amp;C&amp;"ＭＳ Ｐ明朝,標準"&amp;20&amp;P</oddFooter>
  </headerFooter>
  <rowBreaks count="1" manualBreakCount="1">
    <brk id="12" max="5" man="1"/>
  </rowBreaks>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30"/>
  <sheetViews>
    <sheetView showGridLines="0" view="pageBreakPreview" zoomScaleNormal="70" zoomScaleSheetLayoutView="100" workbookViewId="0">
      <selection sqref="A1:K1"/>
    </sheetView>
  </sheetViews>
  <sheetFormatPr defaultColWidth="8.875" defaultRowHeight="18.75" x14ac:dyDescent="0.15"/>
  <cols>
    <col min="1" max="1" width="30.625" style="136" customWidth="1"/>
    <col min="2" max="7" width="3.5" style="136" customWidth="1"/>
    <col min="8" max="8" width="50.375" style="136" customWidth="1"/>
    <col min="9" max="14" width="32.625" style="136" customWidth="1"/>
    <col min="15" max="15" width="37.625" style="136" customWidth="1"/>
    <col min="16" max="16" width="15.125" style="111" customWidth="1"/>
    <col min="17" max="17" width="7" style="136" customWidth="1"/>
    <col min="18" max="18" width="25.625" style="136" customWidth="1"/>
    <col min="19" max="256" width="8.875" style="136"/>
    <col min="257" max="263" width="3.5" style="136" customWidth="1"/>
    <col min="264" max="264" width="15.625" style="136" customWidth="1"/>
    <col min="265" max="271" width="25.625" style="136" customWidth="1"/>
    <col min="272" max="512" width="8.875" style="136"/>
    <col min="513" max="519" width="3.5" style="136" customWidth="1"/>
    <col min="520" max="520" width="15.625" style="136" customWidth="1"/>
    <col min="521" max="527" width="25.625" style="136" customWidth="1"/>
    <col min="528" max="768" width="8.875" style="136"/>
    <col min="769" max="775" width="3.5" style="136" customWidth="1"/>
    <col min="776" max="776" width="15.625" style="136" customWidth="1"/>
    <col min="777" max="783" width="25.625" style="136" customWidth="1"/>
    <col min="784" max="1024" width="8.875" style="136"/>
    <col min="1025" max="1031" width="3.5" style="136" customWidth="1"/>
    <col min="1032" max="1032" width="15.625" style="136" customWidth="1"/>
    <col min="1033" max="1039" width="25.625" style="136" customWidth="1"/>
    <col min="1040" max="1280" width="8.875" style="136"/>
    <col min="1281" max="1287" width="3.5" style="136" customWidth="1"/>
    <col min="1288" max="1288" width="15.625" style="136" customWidth="1"/>
    <col min="1289" max="1295" width="25.625" style="136" customWidth="1"/>
    <col min="1296" max="1536" width="8.875" style="136"/>
    <col min="1537" max="1543" width="3.5" style="136" customWidth="1"/>
    <col min="1544" max="1544" width="15.625" style="136" customWidth="1"/>
    <col min="1545" max="1551" width="25.625" style="136" customWidth="1"/>
    <col min="1552" max="1792" width="8.875" style="136"/>
    <col min="1793" max="1799" width="3.5" style="136" customWidth="1"/>
    <col min="1800" max="1800" width="15.625" style="136" customWidth="1"/>
    <col min="1801" max="1807" width="25.625" style="136" customWidth="1"/>
    <col min="1808" max="2048" width="8.875" style="136"/>
    <col min="2049" max="2055" width="3.5" style="136" customWidth="1"/>
    <col min="2056" max="2056" width="15.625" style="136" customWidth="1"/>
    <col min="2057" max="2063" width="25.625" style="136" customWidth="1"/>
    <col min="2064" max="2304" width="8.875" style="136"/>
    <col min="2305" max="2311" width="3.5" style="136" customWidth="1"/>
    <col min="2312" max="2312" width="15.625" style="136" customWidth="1"/>
    <col min="2313" max="2319" width="25.625" style="136" customWidth="1"/>
    <col min="2320" max="2560" width="8.875" style="136"/>
    <col min="2561" max="2567" width="3.5" style="136" customWidth="1"/>
    <col min="2568" max="2568" width="15.625" style="136" customWidth="1"/>
    <col min="2569" max="2575" width="25.625" style="136" customWidth="1"/>
    <col min="2576" max="2816" width="8.875" style="136"/>
    <col min="2817" max="2823" width="3.5" style="136" customWidth="1"/>
    <col min="2824" max="2824" width="15.625" style="136" customWidth="1"/>
    <col min="2825" max="2831" width="25.625" style="136" customWidth="1"/>
    <col min="2832" max="3072" width="8.875" style="136"/>
    <col min="3073" max="3079" width="3.5" style="136" customWidth="1"/>
    <col min="3080" max="3080" width="15.625" style="136" customWidth="1"/>
    <col min="3081" max="3087" width="25.625" style="136" customWidth="1"/>
    <col min="3088" max="3328" width="8.875" style="136"/>
    <col min="3329" max="3335" width="3.5" style="136" customWidth="1"/>
    <col min="3336" max="3336" width="15.625" style="136" customWidth="1"/>
    <col min="3337" max="3343" width="25.625" style="136" customWidth="1"/>
    <col min="3344" max="3584" width="8.875" style="136"/>
    <col min="3585" max="3591" width="3.5" style="136" customWidth="1"/>
    <col min="3592" max="3592" width="15.625" style="136" customWidth="1"/>
    <col min="3593" max="3599" width="25.625" style="136" customWidth="1"/>
    <col min="3600" max="3840" width="8.875" style="136"/>
    <col min="3841" max="3847" width="3.5" style="136" customWidth="1"/>
    <col min="3848" max="3848" width="15.625" style="136" customWidth="1"/>
    <col min="3849" max="3855" width="25.625" style="136" customWidth="1"/>
    <col min="3856" max="4096" width="8.875" style="136"/>
    <col min="4097" max="4103" width="3.5" style="136" customWidth="1"/>
    <col min="4104" max="4104" width="15.625" style="136" customWidth="1"/>
    <col min="4105" max="4111" width="25.625" style="136" customWidth="1"/>
    <col min="4112" max="4352" width="8.875" style="136"/>
    <col min="4353" max="4359" width="3.5" style="136" customWidth="1"/>
    <col min="4360" max="4360" width="15.625" style="136" customWidth="1"/>
    <col min="4361" max="4367" width="25.625" style="136" customWidth="1"/>
    <col min="4368" max="4608" width="8.875" style="136"/>
    <col min="4609" max="4615" width="3.5" style="136" customWidth="1"/>
    <col min="4616" max="4616" width="15.625" style="136" customWidth="1"/>
    <col min="4617" max="4623" width="25.625" style="136" customWidth="1"/>
    <col min="4624" max="4864" width="8.875" style="136"/>
    <col min="4865" max="4871" width="3.5" style="136" customWidth="1"/>
    <col min="4872" max="4872" width="15.625" style="136" customWidth="1"/>
    <col min="4873" max="4879" width="25.625" style="136" customWidth="1"/>
    <col min="4880" max="5120" width="8.875" style="136"/>
    <col min="5121" max="5127" width="3.5" style="136" customWidth="1"/>
    <col min="5128" max="5128" width="15.625" style="136" customWidth="1"/>
    <col min="5129" max="5135" width="25.625" style="136" customWidth="1"/>
    <col min="5136" max="5376" width="8.875" style="136"/>
    <col min="5377" max="5383" width="3.5" style="136" customWidth="1"/>
    <col min="5384" max="5384" width="15.625" style="136" customWidth="1"/>
    <col min="5385" max="5391" width="25.625" style="136" customWidth="1"/>
    <col min="5392" max="5632" width="8.875" style="136"/>
    <col min="5633" max="5639" width="3.5" style="136" customWidth="1"/>
    <col min="5640" max="5640" width="15.625" style="136" customWidth="1"/>
    <col min="5641" max="5647" width="25.625" style="136" customWidth="1"/>
    <col min="5648" max="5888" width="8.875" style="136"/>
    <col min="5889" max="5895" width="3.5" style="136" customWidth="1"/>
    <col min="5896" max="5896" width="15.625" style="136" customWidth="1"/>
    <col min="5897" max="5903" width="25.625" style="136" customWidth="1"/>
    <col min="5904" max="6144" width="8.875" style="136"/>
    <col min="6145" max="6151" width="3.5" style="136" customWidth="1"/>
    <col min="6152" max="6152" width="15.625" style="136" customWidth="1"/>
    <col min="6153" max="6159" width="25.625" style="136" customWidth="1"/>
    <col min="6160" max="6400" width="8.875" style="136"/>
    <col min="6401" max="6407" width="3.5" style="136" customWidth="1"/>
    <col min="6408" max="6408" width="15.625" style="136" customWidth="1"/>
    <col min="6409" max="6415" width="25.625" style="136" customWidth="1"/>
    <col min="6416" max="6656" width="8.875" style="136"/>
    <col min="6657" max="6663" width="3.5" style="136" customWidth="1"/>
    <col min="6664" max="6664" width="15.625" style="136" customWidth="1"/>
    <col min="6665" max="6671" width="25.625" style="136" customWidth="1"/>
    <col min="6672" max="6912" width="8.875" style="136"/>
    <col min="6913" max="6919" width="3.5" style="136" customWidth="1"/>
    <col min="6920" max="6920" width="15.625" style="136" customWidth="1"/>
    <col min="6921" max="6927" width="25.625" style="136" customWidth="1"/>
    <col min="6928" max="7168" width="8.875" style="136"/>
    <col min="7169" max="7175" width="3.5" style="136" customWidth="1"/>
    <col min="7176" max="7176" width="15.625" style="136" customWidth="1"/>
    <col min="7177" max="7183" width="25.625" style="136" customWidth="1"/>
    <col min="7184" max="7424" width="8.875" style="136"/>
    <col min="7425" max="7431" width="3.5" style="136" customWidth="1"/>
    <col min="7432" max="7432" width="15.625" style="136" customWidth="1"/>
    <col min="7433" max="7439" width="25.625" style="136" customWidth="1"/>
    <col min="7440" max="7680" width="8.875" style="136"/>
    <col min="7681" max="7687" width="3.5" style="136" customWidth="1"/>
    <col min="7688" max="7688" width="15.625" style="136" customWidth="1"/>
    <col min="7689" max="7695" width="25.625" style="136" customWidth="1"/>
    <col min="7696" max="7936" width="8.875" style="136"/>
    <col min="7937" max="7943" width="3.5" style="136" customWidth="1"/>
    <col min="7944" max="7944" width="15.625" style="136" customWidth="1"/>
    <col min="7945" max="7951" width="25.625" style="136" customWidth="1"/>
    <col min="7952" max="8192" width="8.875" style="136"/>
    <col min="8193" max="8199" width="3.5" style="136" customWidth="1"/>
    <col min="8200" max="8200" width="15.625" style="136" customWidth="1"/>
    <col min="8201" max="8207" width="25.625" style="136" customWidth="1"/>
    <col min="8208" max="8448" width="8.875" style="136"/>
    <col min="8449" max="8455" width="3.5" style="136" customWidth="1"/>
    <col min="8456" max="8456" width="15.625" style="136" customWidth="1"/>
    <col min="8457" max="8463" width="25.625" style="136" customWidth="1"/>
    <col min="8464" max="8704" width="8.875" style="136"/>
    <col min="8705" max="8711" width="3.5" style="136" customWidth="1"/>
    <col min="8712" max="8712" width="15.625" style="136" customWidth="1"/>
    <col min="8713" max="8719" width="25.625" style="136" customWidth="1"/>
    <col min="8720" max="8960" width="8.875" style="136"/>
    <col min="8961" max="8967" width="3.5" style="136" customWidth="1"/>
    <col min="8968" max="8968" width="15.625" style="136" customWidth="1"/>
    <col min="8969" max="8975" width="25.625" style="136" customWidth="1"/>
    <col min="8976" max="9216" width="8.875" style="136"/>
    <col min="9217" max="9223" width="3.5" style="136" customWidth="1"/>
    <col min="9224" max="9224" width="15.625" style="136" customWidth="1"/>
    <col min="9225" max="9231" width="25.625" style="136" customWidth="1"/>
    <col min="9232" max="9472" width="8.875" style="136"/>
    <col min="9473" max="9479" width="3.5" style="136" customWidth="1"/>
    <col min="9480" max="9480" width="15.625" style="136" customWidth="1"/>
    <col min="9481" max="9487" width="25.625" style="136" customWidth="1"/>
    <col min="9488" max="9728" width="8.875" style="136"/>
    <col min="9729" max="9735" width="3.5" style="136" customWidth="1"/>
    <col min="9736" max="9736" width="15.625" style="136" customWidth="1"/>
    <col min="9737" max="9743" width="25.625" style="136" customWidth="1"/>
    <col min="9744" max="9984" width="8.875" style="136"/>
    <col min="9985" max="9991" width="3.5" style="136" customWidth="1"/>
    <col min="9992" max="9992" width="15.625" style="136" customWidth="1"/>
    <col min="9993" max="9999" width="25.625" style="136" customWidth="1"/>
    <col min="10000" max="10240" width="8.875" style="136"/>
    <col min="10241" max="10247" width="3.5" style="136" customWidth="1"/>
    <col min="10248" max="10248" width="15.625" style="136" customWidth="1"/>
    <col min="10249" max="10255" width="25.625" style="136" customWidth="1"/>
    <col min="10256" max="10496" width="8.875" style="136"/>
    <col min="10497" max="10503" width="3.5" style="136" customWidth="1"/>
    <col min="10504" max="10504" width="15.625" style="136" customWidth="1"/>
    <col min="10505" max="10511" width="25.625" style="136" customWidth="1"/>
    <col min="10512" max="10752" width="8.875" style="136"/>
    <col min="10753" max="10759" width="3.5" style="136" customWidth="1"/>
    <col min="10760" max="10760" width="15.625" style="136" customWidth="1"/>
    <col min="10761" max="10767" width="25.625" style="136" customWidth="1"/>
    <col min="10768" max="11008" width="8.875" style="136"/>
    <col min="11009" max="11015" width="3.5" style="136" customWidth="1"/>
    <col min="11016" max="11016" width="15.625" style="136" customWidth="1"/>
    <col min="11017" max="11023" width="25.625" style="136" customWidth="1"/>
    <col min="11024" max="11264" width="8.875" style="136"/>
    <col min="11265" max="11271" width="3.5" style="136" customWidth="1"/>
    <col min="11272" max="11272" width="15.625" style="136" customWidth="1"/>
    <col min="11273" max="11279" width="25.625" style="136" customWidth="1"/>
    <col min="11280" max="11520" width="8.875" style="136"/>
    <col min="11521" max="11527" width="3.5" style="136" customWidth="1"/>
    <col min="11528" max="11528" width="15.625" style="136" customWidth="1"/>
    <col min="11529" max="11535" width="25.625" style="136" customWidth="1"/>
    <col min="11536" max="11776" width="8.875" style="136"/>
    <col min="11777" max="11783" width="3.5" style="136" customWidth="1"/>
    <col min="11784" max="11784" width="15.625" style="136" customWidth="1"/>
    <col min="11785" max="11791" width="25.625" style="136" customWidth="1"/>
    <col min="11792" max="12032" width="8.875" style="136"/>
    <col min="12033" max="12039" width="3.5" style="136" customWidth="1"/>
    <col min="12040" max="12040" width="15.625" style="136" customWidth="1"/>
    <col min="12041" max="12047" width="25.625" style="136" customWidth="1"/>
    <col min="12048" max="12288" width="8.875" style="136"/>
    <col min="12289" max="12295" width="3.5" style="136" customWidth="1"/>
    <col min="12296" max="12296" width="15.625" style="136" customWidth="1"/>
    <col min="12297" max="12303" width="25.625" style="136" customWidth="1"/>
    <col min="12304" max="12544" width="8.875" style="136"/>
    <col min="12545" max="12551" width="3.5" style="136" customWidth="1"/>
    <col min="12552" max="12552" width="15.625" style="136" customWidth="1"/>
    <col min="12553" max="12559" width="25.625" style="136" customWidth="1"/>
    <col min="12560" max="12800" width="8.875" style="136"/>
    <col min="12801" max="12807" width="3.5" style="136" customWidth="1"/>
    <col min="12808" max="12808" width="15.625" style="136" customWidth="1"/>
    <col min="12809" max="12815" width="25.625" style="136" customWidth="1"/>
    <col min="12816" max="13056" width="8.875" style="136"/>
    <col min="13057" max="13063" width="3.5" style="136" customWidth="1"/>
    <col min="13064" max="13064" width="15.625" style="136" customWidth="1"/>
    <col min="13065" max="13071" width="25.625" style="136" customWidth="1"/>
    <col min="13072" max="13312" width="8.875" style="136"/>
    <col min="13313" max="13319" width="3.5" style="136" customWidth="1"/>
    <col min="13320" max="13320" width="15.625" style="136" customWidth="1"/>
    <col min="13321" max="13327" width="25.625" style="136" customWidth="1"/>
    <col min="13328" max="13568" width="8.875" style="136"/>
    <col min="13569" max="13575" width="3.5" style="136" customWidth="1"/>
    <col min="13576" max="13576" width="15.625" style="136" customWidth="1"/>
    <col min="13577" max="13583" width="25.625" style="136" customWidth="1"/>
    <col min="13584" max="13824" width="8.875" style="136"/>
    <col min="13825" max="13831" width="3.5" style="136" customWidth="1"/>
    <col min="13832" max="13832" width="15.625" style="136" customWidth="1"/>
    <col min="13833" max="13839" width="25.625" style="136" customWidth="1"/>
    <col min="13840" max="14080" width="8.875" style="136"/>
    <col min="14081" max="14087" width="3.5" style="136" customWidth="1"/>
    <col min="14088" max="14088" width="15.625" style="136" customWidth="1"/>
    <col min="14089" max="14095" width="25.625" style="136" customWidth="1"/>
    <col min="14096" max="14336" width="8.875" style="136"/>
    <col min="14337" max="14343" width="3.5" style="136" customWidth="1"/>
    <col min="14344" max="14344" width="15.625" style="136" customWidth="1"/>
    <col min="14345" max="14351" width="25.625" style="136" customWidth="1"/>
    <col min="14352" max="14592" width="8.875" style="136"/>
    <col min="14593" max="14599" width="3.5" style="136" customWidth="1"/>
    <col min="14600" max="14600" width="15.625" style="136" customWidth="1"/>
    <col min="14601" max="14607" width="25.625" style="136" customWidth="1"/>
    <col min="14608" max="14848" width="8.875" style="136"/>
    <col min="14849" max="14855" width="3.5" style="136" customWidth="1"/>
    <col min="14856" max="14856" width="15.625" style="136" customWidth="1"/>
    <col min="14857" max="14863" width="25.625" style="136" customWidth="1"/>
    <col min="14864" max="15104" width="8.875" style="136"/>
    <col min="15105" max="15111" width="3.5" style="136" customWidth="1"/>
    <col min="15112" max="15112" width="15.625" style="136" customWidth="1"/>
    <col min="15113" max="15119" width="25.625" style="136" customWidth="1"/>
    <col min="15120" max="15360" width="8.875" style="136"/>
    <col min="15361" max="15367" width="3.5" style="136" customWidth="1"/>
    <col min="15368" max="15368" width="15.625" style="136" customWidth="1"/>
    <col min="15369" max="15375" width="25.625" style="136" customWidth="1"/>
    <col min="15376" max="15616" width="8.875" style="136"/>
    <col min="15617" max="15623" width="3.5" style="136" customWidth="1"/>
    <col min="15624" max="15624" width="15.625" style="136" customWidth="1"/>
    <col min="15625" max="15631" width="25.625" style="136" customWidth="1"/>
    <col min="15632" max="15872" width="8.875" style="136"/>
    <col min="15873" max="15879" width="3.5" style="136" customWidth="1"/>
    <col min="15880" max="15880" width="15.625" style="136" customWidth="1"/>
    <col min="15881" max="15887" width="25.625" style="136" customWidth="1"/>
    <col min="15888" max="16128" width="8.875" style="136"/>
    <col min="16129" max="16135" width="3.5" style="136" customWidth="1"/>
    <col min="16136" max="16136" width="15.625" style="136" customWidth="1"/>
    <col min="16137" max="16143" width="25.625" style="136" customWidth="1"/>
    <col min="16144" max="16384" width="8.875" style="136"/>
  </cols>
  <sheetData>
    <row r="1" spans="1:16" s="102" customFormat="1" ht="22.5" customHeight="1" x14ac:dyDescent="0.15">
      <c r="A1" s="275" t="s">
        <v>528</v>
      </c>
      <c r="B1" s="275"/>
      <c r="C1" s="275"/>
      <c r="D1" s="275"/>
      <c r="E1" s="275"/>
      <c r="F1" s="275"/>
      <c r="G1" s="275"/>
      <c r="H1" s="275"/>
      <c r="I1" s="275"/>
      <c r="J1" s="275"/>
      <c r="K1" s="275"/>
    </row>
    <row r="2" spans="1:16" s="1" customFormat="1" ht="22.5" customHeight="1" x14ac:dyDescent="0.15">
      <c r="B2" s="103"/>
    </row>
    <row r="3" spans="1:16" s="1" customFormat="1" ht="22.5" customHeight="1" x14ac:dyDescent="0.15">
      <c r="B3" s="103"/>
    </row>
    <row r="4" spans="1:16" s="1" customFormat="1" ht="22.5" customHeight="1" x14ac:dyDescent="0.15">
      <c r="B4" s="103"/>
    </row>
    <row r="5" spans="1:16" s="148" customFormat="1" ht="28.5" customHeight="1" x14ac:dyDescent="0.15">
      <c r="A5" s="293" t="s">
        <v>351</v>
      </c>
      <c r="B5" s="293"/>
      <c r="C5" s="293"/>
      <c r="D5" s="293"/>
      <c r="E5" s="293"/>
      <c r="F5" s="293"/>
      <c r="G5" s="293"/>
      <c r="H5" s="293"/>
      <c r="I5" s="293"/>
      <c r="J5" s="293"/>
      <c r="K5" s="294" t="s">
        <v>280</v>
      </c>
      <c r="L5" s="294"/>
      <c r="M5" s="294"/>
      <c r="N5" s="294"/>
      <c r="O5" s="294"/>
      <c r="P5" s="239"/>
    </row>
    <row r="6" spans="1:16" s="74" customFormat="1" x14ac:dyDescent="0.15"/>
    <row r="7" spans="1:16" s="74" customFormat="1" x14ac:dyDescent="0.15"/>
    <row r="8" spans="1:16" s="74" customFormat="1" x14ac:dyDescent="0.15"/>
    <row r="9" spans="1:16" s="74" customFormat="1" x14ac:dyDescent="0.15"/>
    <row r="10" spans="1:16" s="74" customFormat="1" x14ac:dyDescent="0.15"/>
    <row r="11" spans="1:16" s="74" customFormat="1" ht="18.75" customHeight="1" x14ac:dyDescent="0.15">
      <c r="B11" s="291" t="s">
        <v>546</v>
      </c>
      <c r="C11" s="291"/>
      <c r="D11" s="291"/>
      <c r="E11" s="291"/>
      <c r="F11" s="291"/>
      <c r="G11" s="291"/>
      <c r="H11" s="291"/>
      <c r="I11" s="291"/>
      <c r="J11" s="291"/>
      <c r="K11" s="292" t="s">
        <v>547</v>
      </c>
      <c r="L11" s="292"/>
      <c r="M11" s="292"/>
      <c r="N11" s="292"/>
      <c r="O11" s="240"/>
    </row>
    <row r="12" spans="1:16" s="74" customFormat="1" ht="23.25" customHeight="1" x14ac:dyDescent="0.15">
      <c r="B12" s="291"/>
      <c r="C12" s="291"/>
      <c r="D12" s="291"/>
      <c r="E12" s="291"/>
      <c r="F12" s="291"/>
      <c r="G12" s="291"/>
      <c r="H12" s="291"/>
      <c r="I12" s="291"/>
      <c r="J12" s="291"/>
      <c r="K12" s="292"/>
      <c r="L12" s="292"/>
      <c r="M12" s="292"/>
      <c r="N12" s="292"/>
      <c r="O12" s="240"/>
    </row>
    <row r="13" spans="1:16" s="148" customFormat="1" ht="21.95" customHeight="1" x14ac:dyDescent="0.15">
      <c r="A13" s="237"/>
      <c r="B13" s="237"/>
      <c r="C13" s="237"/>
      <c r="D13" s="237"/>
      <c r="E13" s="237"/>
      <c r="F13" s="237"/>
      <c r="G13" s="237"/>
      <c r="H13" s="237"/>
      <c r="I13" s="237"/>
      <c r="J13" s="237"/>
      <c r="K13" s="238"/>
      <c r="L13" s="238"/>
      <c r="M13" s="238"/>
      <c r="N13" s="238"/>
      <c r="O13" s="238"/>
      <c r="P13" s="205"/>
    </row>
    <row r="14" spans="1:16" x14ac:dyDescent="0.15">
      <c r="M14" s="94"/>
      <c r="N14" s="94" t="s">
        <v>219</v>
      </c>
    </row>
    <row r="15" spans="1:16" ht="21.75" customHeight="1" x14ac:dyDescent="0.15">
      <c r="B15" s="309" t="s">
        <v>220</v>
      </c>
      <c r="C15" s="310"/>
      <c r="D15" s="310"/>
      <c r="E15" s="310"/>
      <c r="F15" s="310"/>
      <c r="G15" s="310"/>
      <c r="H15" s="311"/>
      <c r="I15" s="315" t="s">
        <v>221</v>
      </c>
      <c r="J15" s="317" t="s">
        <v>222</v>
      </c>
      <c r="K15" s="317" t="s">
        <v>223</v>
      </c>
      <c r="L15" s="317" t="s">
        <v>224</v>
      </c>
      <c r="M15" s="317" t="s">
        <v>225</v>
      </c>
      <c r="N15" s="317" t="s">
        <v>226</v>
      </c>
    </row>
    <row r="16" spans="1:16" ht="21.95" customHeight="1" x14ac:dyDescent="0.15">
      <c r="B16" s="312"/>
      <c r="C16" s="313"/>
      <c r="D16" s="313"/>
      <c r="E16" s="313"/>
      <c r="F16" s="313"/>
      <c r="G16" s="313"/>
      <c r="H16" s="314"/>
      <c r="I16" s="316"/>
      <c r="J16" s="318"/>
      <c r="K16" s="318"/>
      <c r="L16" s="318"/>
      <c r="M16" s="318"/>
      <c r="N16" s="318"/>
    </row>
    <row r="17" spans="2:14" ht="21.95" customHeight="1" x14ac:dyDescent="0.15">
      <c r="B17" s="188" t="s">
        <v>529</v>
      </c>
      <c r="C17" s="186"/>
      <c r="D17" s="186"/>
      <c r="E17" s="186"/>
      <c r="F17" s="186"/>
      <c r="G17" s="186"/>
      <c r="H17" s="187"/>
      <c r="I17" s="137">
        <v>23299764</v>
      </c>
      <c r="J17" s="137">
        <v>0</v>
      </c>
      <c r="K17" s="137">
        <v>0</v>
      </c>
      <c r="L17" s="137">
        <v>0</v>
      </c>
      <c r="M17" s="146">
        <v>0</v>
      </c>
      <c r="N17" s="137">
        <v>23299764</v>
      </c>
    </row>
    <row r="18" spans="2:14" ht="22.5" customHeight="1" x14ac:dyDescent="0.15">
      <c r="B18" s="306" t="s">
        <v>232</v>
      </c>
      <c r="C18" s="307"/>
      <c r="D18" s="307"/>
      <c r="E18" s="307"/>
      <c r="F18" s="307"/>
      <c r="G18" s="307"/>
      <c r="H18" s="308"/>
      <c r="I18" s="137">
        <v>23299764</v>
      </c>
      <c r="J18" s="137">
        <v>0</v>
      </c>
      <c r="K18" s="137">
        <v>0</v>
      </c>
      <c r="L18" s="137">
        <v>0</v>
      </c>
      <c r="M18" s="137">
        <v>0</v>
      </c>
      <c r="N18" s="137">
        <v>23299764</v>
      </c>
    </row>
    <row r="20" spans="2:14" x14ac:dyDescent="0.15">
      <c r="N20" s="105"/>
    </row>
    <row r="27" spans="2:14" x14ac:dyDescent="0.15">
      <c r="C27" s="111"/>
      <c r="D27" s="111"/>
      <c r="E27" s="111"/>
      <c r="F27" s="111"/>
    </row>
    <row r="28" spans="2:14" x14ac:dyDescent="0.15">
      <c r="C28" s="111"/>
      <c r="D28" s="111"/>
      <c r="E28" s="111"/>
      <c r="F28" s="111"/>
    </row>
    <row r="29" spans="2:14" x14ac:dyDescent="0.15">
      <c r="C29" s="111"/>
      <c r="D29" s="111"/>
      <c r="E29" s="111"/>
      <c r="F29" s="111"/>
    </row>
    <row r="30" spans="2:14" x14ac:dyDescent="0.15">
      <c r="C30" s="111"/>
      <c r="D30" s="111"/>
      <c r="E30" s="111"/>
      <c r="F30" s="111"/>
    </row>
  </sheetData>
  <mergeCells count="13">
    <mergeCell ref="A1:K1"/>
    <mergeCell ref="A5:J5"/>
    <mergeCell ref="K5:O5"/>
    <mergeCell ref="N15:N16"/>
    <mergeCell ref="B18:H18"/>
    <mergeCell ref="B15:H16"/>
    <mergeCell ref="I15:I16"/>
    <mergeCell ref="J15:J16"/>
    <mergeCell ref="K15:K16"/>
    <mergeCell ref="L15:L16"/>
    <mergeCell ref="M15:M16"/>
    <mergeCell ref="B11:J12"/>
    <mergeCell ref="K11:N12"/>
  </mergeCells>
  <phoneticPr fontId="24"/>
  <printOptions horizontalCentered="1"/>
  <pageMargins left="0.19685039370078741" right="0.19685039370078741" top="0.31496062992125984" bottom="0.19685039370078741" header="0.11811023622047245" footer="0.11811023622047245"/>
  <pageSetup paperSize="9" scale="58" firstPageNumber="80" fitToWidth="2" fitToHeight="0" orientation="portrait" useFirstPageNumber="1" r:id="rId1"/>
  <headerFooter alignWithMargins="0">
    <oddFooter>&amp;C&amp;"ＭＳ Ｐ明朝,標準"&amp;20&amp;P</oddFooter>
  </headerFooter>
  <colBreaks count="1" manualBreakCount="1">
    <brk id="10" max="22" man="1"/>
  </colBreaks>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28</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2906023</v>
      </c>
      <c r="J10" s="146">
        <v>21260</v>
      </c>
      <c r="K10" s="146">
        <v>0</v>
      </c>
      <c r="L10" s="146">
        <v>0</v>
      </c>
      <c r="M10" s="146">
        <v>0</v>
      </c>
      <c r="N10" s="91">
        <v>2927283</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0</v>
      </c>
      <c r="J16" s="146">
        <v>0</v>
      </c>
      <c r="K16" s="146">
        <v>0</v>
      </c>
      <c r="L16" s="146">
        <v>0</v>
      </c>
      <c r="M16" s="146">
        <v>0</v>
      </c>
      <c r="N16" s="91">
        <v>0</v>
      </c>
    </row>
    <row r="17" spans="2:14" ht="22.5" customHeight="1" x14ac:dyDescent="0.15">
      <c r="B17" s="336" t="s">
        <v>56</v>
      </c>
      <c r="C17" s="336"/>
      <c r="D17" s="336"/>
      <c r="E17" s="336"/>
      <c r="F17" s="336"/>
      <c r="G17" s="336"/>
      <c r="H17" s="336"/>
      <c r="I17" s="91">
        <v>0</v>
      </c>
      <c r="J17" s="146">
        <v>0</v>
      </c>
      <c r="K17" s="146">
        <v>0</v>
      </c>
      <c r="L17" s="146">
        <v>0</v>
      </c>
      <c r="M17" s="146">
        <v>0</v>
      </c>
      <c r="N17" s="91">
        <v>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2906023</v>
      </c>
      <c r="J19" s="146">
        <v>21260</v>
      </c>
      <c r="K19" s="146">
        <v>0</v>
      </c>
      <c r="L19" s="146">
        <v>0</v>
      </c>
      <c r="M19" s="146">
        <v>0</v>
      </c>
      <c r="N19" s="91">
        <v>2927283</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82" fitToWidth="2" fitToHeight="0" orientation="portrait" useFirstPageNumber="1" r:id="rId1"/>
  <headerFooter>
    <oddFooter>&amp;C&amp;"ＭＳ Ｐ明朝,標準"&amp;20&amp;P</oddFooter>
  </headerFooter>
  <colBreaks count="1" manualBreakCount="1">
    <brk id="10" max="18" man="1"/>
  </colBreaks>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3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3" t="s">
        <v>182</v>
      </c>
      <c r="B17" s="263"/>
      <c r="C17" s="263"/>
      <c r="D17" s="263"/>
      <c r="E17" s="263"/>
      <c r="F17" s="263"/>
      <c r="G17" s="263"/>
      <c r="H17" s="263"/>
      <c r="I17" s="263"/>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firstPageNumber="106" orientation="portrait" useFirstPageNumber="1"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70" zoomScaleNormal="60" zoomScaleSheetLayoutView="70" workbookViewId="0">
      <selection sqref="A1:G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31</v>
      </c>
      <c r="B1" s="266"/>
      <c r="C1" s="266"/>
      <c r="D1" s="266"/>
      <c r="E1" s="266"/>
      <c r="F1" s="266"/>
      <c r="G1" s="266"/>
      <c r="H1" s="165"/>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4047070878</v>
      </c>
      <c r="J10" s="23"/>
      <c r="K10" s="21"/>
      <c r="L10" s="15" t="s">
        <v>43</v>
      </c>
      <c r="M10" s="13"/>
      <c r="N10" s="13"/>
      <c r="O10" s="13"/>
      <c r="P10" s="13"/>
      <c r="Q10" s="13"/>
      <c r="R10" s="14">
        <v>164323513</v>
      </c>
      <c r="S10" s="54"/>
      <c r="T10" s="2"/>
    </row>
    <row r="11" spans="1:20" ht="22.5" customHeight="1" x14ac:dyDescent="0.15">
      <c r="B11" s="21"/>
      <c r="C11" s="13"/>
      <c r="D11" s="13" t="s">
        <v>4</v>
      </c>
      <c r="E11" s="13"/>
      <c r="F11" s="13"/>
      <c r="G11" s="13"/>
      <c r="H11" s="13"/>
      <c r="I11" s="14">
        <v>2964167985</v>
      </c>
      <c r="J11" s="23"/>
      <c r="K11" s="21"/>
      <c r="L11" s="13"/>
      <c r="M11" s="13" t="s">
        <v>44</v>
      </c>
      <c r="N11" s="13"/>
      <c r="O11" s="13"/>
      <c r="P11" s="13"/>
      <c r="Q11" s="13"/>
      <c r="R11" s="14">
        <v>0</v>
      </c>
      <c r="S11" s="54"/>
      <c r="T11" s="2"/>
    </row>
    <row r="12" spans="1:20" ht="22.5" customHeight="1" x14ac:dyDescent="0.15">
      <c r="B12" s="21"/>
      <c r="C12" s="13"/>
      <c r="D12" s="13"/>
      <c r="E12" s="13" t="s">
        <v>5</v>
      </c>
      <c r="F12" s="13"/>
      <c r="G12" s="13"/>
      <c r="H12" s="13"/>
      <c r="I12" s="14">
        <v>2964167985</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1963748283</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880845390</v>
      </c>
      <c r="J15" s="23"/>
      <c r="K15" s="21"/>
      <c r="L15" s="13"/>
      <c r="M15" s="13" t="s">
        <v>48</v>
      </c>
      <c r="N15" s="13"/>
      <c r="O15" s="13"/>
      <c r="P15" s="13"/>
      <c r="Q15" s="13"/>
      <c r="R15" s="14">
        <v>157155109</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7168404</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1965988279</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0</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7468252428</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0</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0</v>
      </c>
      <c r="J25" s="23"/>
      <c r="K25" s="21"/>
      <c r="L25" s="13"/>
      <c r="M25" s="13" t="s">
        <v>56</v>
      </c>
      <c r="N25" s="13"/>
      <c r="O25" s="13"/>
      <c r="P25" s="13"/>
      <c r="Q25" s="13"/>
      <c r="R25" s="14">
        <v>1931938360</v>
      </c>
      <c r="S25" s="54"/>
      <c r="T25" s="2"/>
    </row>
    <row r="26" spans="2:20" ht="22.5" customHeight="1" x14ac:dyDescent="0.15">
      <c r="B26" s="21"/>
      <c r="C26" s="247"/>
      <c r="D26" s="247"/>
      <c r="E26" s="247"/>
      <c r="F26" s="247" t="s">
        <v>17</v>
      </c>
      <c r="G26" s="13"/>
      <c r="H26" s="13"/>
      <c r="I26" s="14">
        <v>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0</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34049919</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2130311792</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9385011514</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0</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41218323</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53776678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701861909</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6187405416</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6187405416</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9385011514</v>
      </c>
      <c r="S60" s="52"/>
      <c r="T60" s="2"/>
    </row>
    <row r="61" spans="2:20" ht="22.5" customHeight="1" x14ac:dyDescent="0.15">
      <c r="B61" s="45" t="s">
        <v>65</v>
      </c>
      <c r="C61" s="46"/>
      <c r="D61" s="47"/>
      <c r="E61" s="47"/>
      <c r="F61" s="47"/>
      <c r="G61" s="47"/>
      <c r="H61" s="47"/>
      <c r="I61" s="48">
        <v>11515323306</v>
      </c>
      <c r="J61" s="49"/>
      <c r="K61" s="45" t="s">
        <v>67</v>
      </c>
      <c r="L61" s="47"/>
      <c r="M61" s="47"/>
      <c r="N61" s="47"/>
      <c r="O61" s="47"/>
      <c r="P61" s="47"/>
      <c r="Q61" s="47"/>
      <c r="R61" s="48">
        <v>11515323306</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A1:G1"/>
    <mergeCell ref="B5:S5"/>
    <mergeCell ref="B6:S6"/>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86" orientation="portrait" useFirstPageNumber="1" r:id="rId1"/>
  <headerFooter>
    <oddFooter>&amp;C&amp;"ＭＳ Ｐ明朝,標準"&amp;20&amp;P</oddFooter>
  </headerFooter>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84" t="s">
        <v>531</v>
      </c>
      <c r="B1" s="184"/>
      <c r="C1" s="184"/>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275204129367</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70438463531</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55284032808</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43781000</v>
      </c>
      <c r="J17" s="61"/>
      <c r="L17" s="13"/>
    </row>
    <row r="18" spans="2:12" ht="22.5" customHeight="1" x14ac:dyDescent="0.15">
      <c r="B18" s="60"/>
      <c r="C18" s="28" t="s">
        <v>77</v>
      </c>
      <c r="D18" s="28"/>
      <c r="E18" s="28"/>
      <c r="F18" s="28"/>
      <c r="G18" s="28"/>
      <c r="H18" s="29"/>
      <c r="I18" s="14">
        <v>106931839196</v>
      </c>
      <c r="J18" s="61"/>
      <c r="L18" s="13"/>
    </row>
    <row r="19" spans="2:12" ht="22.5" customHeight="1" x14ac:dyDescent="0.15">
      <c r="B19" s="60"/>
      <c r="C19" s="28" t="s">
        <v>78</v>
      </c>
      <c r="D19" s="28"/>
      <c r="E19" s="28"/>
      <c r="F19" s="28"/>
      <c r="G19" s="28"/>
      <c r="H19" s="29"/>
      <c r="I19" s="14">
        <v>42456451365</v>
      </c>
      <c r="J19" s="61"/>
      <c r="L19" s="13"/>
    </row>
    <row r="20" spans="2:12" ht="22.5" customHeight="1" x14ac:dyDescent="0.15">
      <c r="B20" s="60"/>
      <c r="C20" s="28"/>
      <c r="D20" s="28" t="s">
        <v>79</v>
      </c>
      <c r="E20" s="28"/>
      <c r="F20" s="28"/>
      <c r="G20" s="28"/>
      <c r="H20" s="29"/>
      <c r="I20" s="14">
        <v>42456451365</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214438</v>
      </c>
      <c r="J24" s="61"/>
      <c r="L24" s="13"/>
    </row>
    <row r="25" spans="2:12" ht="22.5" customHeight="1" x14ac:dyDescent="0.15">
      <c r="B25" s="251"/>
      <c r="C25" s="252" t="s">
        <v>84</v>
      </c>
      <c r="D25" s="252"/>
      <c r="E25" s="252"/>
      <c r="F25" s="62"/>
      <c r="G25" s="62"/>
      <c r="H25" s="63"/>
      <c r="I25" s="64">
        <v>49347029</v>
      </c>
      <c r="J25" s="65"/>
      <c r="L25" s="13"/>
    </row>
    <row r="26" spans="2:12" ht="22.5" customHeight="1" x14ac:dyDescent="0.15">
      <c r="B26" s="249" t="s">
        <v>85</v>
      </c>
      <c r="C26" s="250"/>
      <c r="D26" s="250"/>
      <c r="E26" s="250"/>
      <c r="F26" s="28"/>
      <c r="G26" s="28"/>
      <c r="H26" s="29"/>
      <c r="I26" s="16">
        <v>271888327767</v>
      </c>
      <c r="J26" s="61"/>
      <c r="L26" s="13"/>
    </row>
    <row r="27" spans="2:12" ht="22.5" customHeight="1" x14ac:dyDescent="0.15">
      <c r="B27" s="249"/>
      <c r="C27" s="250" t="s">
        <v>86</v>
      </c>
      <c r="D27" s="250"/>
      <c r="E27" s="250"/>
      <c r="F27" s="28"/>
      <c r="G27" s="28"/>
      <c r="H27" s="29"/>
      <c r="I27" s="14">
        <v>2172126300</v>
      </c>
      <c r="J27" s="66"/>
      <c r="L27" s="13"/>
    </row>
    <row r="28" spans="2:12" ht="22.5" customHeight="1" x14ac:dyDescent="0.15">
      <c r="B28" s="60"/>
      <c r="C28" s="28" t="s">
        <v>87</v>
      </c>
      <c r="D28" s="28"/>
      <c r="E28" s="28"/>
      <c r="F28" s="28"/>
      <c r="G28" s="28"/>
      <c r="H28" s="29"/>
      <c r="I28" s="14">
        <v>157155109</v>
      </c>
      <c r="J28" s="66"/>
      <c r="L28" s="13"/>
    </row>
    <row r="29" spans="2:12" ht="22.5" customHeight="1" x14ac:dyDescent="0.15">
      <c r="B29" s="60"/>
      <c r="C29" s="28" t="s">
        <v>88</v>
      </c>
      <c r="D29" s="28"/>
      <c r="E29" s="28"/>
      <c r="F29" s="28"/>
      <c r="G29" s="28"/>
      <c r="H29" s="29"/>
      <c r="I29" s="14">
        <v>-166722212</v>
      </c>
      <c r="J29" s="66"/>
      <c r="L29" s="13"/>
    </row>
    <row r="30" spans="2:12" ht="22.5" customHeight="1" x14ac:dyDescent="0.15">
      <c r="B30" s="60"/>
      <c r="C30" s="28" t="s">
        <v>89</v>
      </c>
      <c r="D30" s="28"/>
      <c r="E30" s="28"/>
      <c r="F30" s="28"/>
      <c r="G30" s="28"/>
      <c r="H30" s="29"/>
      <c r="I30" s="14">
        <v>8892590522</v>
      </c>
      <c r="J30" s="66"/>
      <c r="L30" s="13"/>
    </row>
    <row r="31" spans="2:12" ht="22.5" customHeight="1" x14ac:dyDescent="0.15">
      <c r="B31" s="60"/>
      <c r="C31" s="28" t="s">
        <v>90</v>
      </c>
      <c r="D31" s="28"/>
      <c r="E31" s="28"/>
      <c r="F31" s="28"/>
      <c r="G31" s="28"/>
      <c r="H31" s="29"/>
      <c r="I31" s="14">
        <v>5507676</v>
      </c>
      <c r="J31" s="66"/>
      <c r="L31" s="13"/>
    </row>
    <row r="32" spans="2:12" ht="22.5" customHeight="1" x14ac:dyDescent="0.15">
      <c r="B32" s="60"/>
      <c r="C32" s="28" t="s">
        <v>91</v>
      </c>
      <c r="D32" s="28"/>
      <c r="E32" s="28"/>
      <c r="F32" s="28"/>
      <c r="G32" s="28"/>
      <c r="H32" s="29"/>
      <c r="I32" s="14">
        <v>287787837</v>
      </c>
      <c r="J32" s="66"/>
      <c r="L32" s="13"/>
    </row>
    <row r="33" spans="2:12" ht="22.5" customHeight="1" x14ac:dyDescent="0.15">
      <c r="B33" s="60"/>
      <c r="C33" s="28" t="s">
        <v>92</v>
      </c>
      <c r="D33" s="28"/>
      <c r="E33" s="28"/>
      <c r="F33" s="28"/>
      <c r="G33" s="28"/>
      <c r="H33" s="29"/>
      <c r="I33" s="14">
        <v>0</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647499699</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168100384</v>
      </c>
      <c r="J38" s="66"/>
      <c r="L38" s="13"/>
    </row>
    <row r="39" spans="2:12" ht="22.5" customHeight="1" x14ac:dyDescent="0.15">
      <c r="B39" s="60"/>
      <c r="C39" s="28" t="s">
        <v>98</v>
      </c>
      <c r="D39" s="28"/>
      <c r="E39" s="28"/>
      <c r="F39" s="28"/>
      <c r="G39" s="28"/>
      <c r="H39" s="29"/>
      <c r="I39" s="14">
        <v>259724282452</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3315801600</v>
      </c>
      <c r="J45" s="59"/>
      <c r="L45" s="13"/>
    </row>
    <row r="46" spans="2:12" ht="22.5" customHeight="1" x14ac:dyDescent="0.15">
      <c r="B46" s="60" t="s">
        <v>105</v>
      </c>
      <c r="C46" s="28"/>
      <c r="D46" s="28"/>
      <c r="E46" s="28"/>
      <c r="F46" s="28"/>
      <c r="G46" s="28"/>
      <c r="H46" s="29"/>
      <c r="I46" s="16">
        <v>2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20</v>
      </c>
      <c r="J50" s="66"/>
      <c r="L50" s="13"/>
    </row>
    <row r="51" spans="1:12" ht="22.5" customHeight="1" x14ac:dyDescent="0.15">
      <c r="B51" s="60" t="s">
        <v>110</v>
      </c>
      <c r="C51" s="28"/>
      <c r="D51" s="28"/>
      <c r="E51" s="28"/>
      <c r="F51" s="28"/>
      <c r="G51" s="28"/>
      <c r="H51" s="29"/>
      <c r="I51" s="14">
        <v>446675897</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446675897</v>
      </c>
      <c r="J57" s="66"/>
      <c r="L57" s="13"/>
    </row>
    <row r="58" spans="1:12" ht="22.5" customHeight="1" x14ac:dyDescent="0.15">
      <c r="B58" s="56" t="s">
        <v>115</v>
      </c>
      <c r="C58" s="57"/>
      <c r="D58" s="57"/>
      <c r="E58" s="57"/>
      <c r="F58" s="57"/>
      <c r="G58" s="57"/>
      <c r="H58" s="58"/>
      <c r="I58" s="48">
        <v>-446675877</v>
      </c>
      <c r="J58" s="59"/>
      <c r="L58" s="13"/>
    </row>
    <row r="59" spans="1:12" ht="22.5" customHeight="1" x14ac:dyDescent="0.15">
      <c r="A59" s="13"/>
      <c r="B59" s="56" t="s">
        <v>116</v>
      </c>
      <c r="C59" s="47"/>
      <c r="D59" s="47"/>
      <c r="E59" s="47"/>
      <c r="F59" s="47"/>
      <c r="G59" s="47"/>
      <c r="H59" s="47"/>
      <c r="I59" s="48">
        <v>2869125723</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87" orientation="portrait" useFirstPageNumber="1" r:id="rId1"/>
  <headerFooter>
    <oddFooter>&amp;C&amp;"ＭＳ Ｐ明朝,標準"&amp;20&amp;P</oddFooter>
  </headerFooter>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70" zoomScaleSheetLayoutView="100" workbookViewId="0">
      <selection sqref="A1:E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31</v>
      </c>
      <c r="B1" s="275"/>
      <c r="C1" s="275"/>
      <c r="D1" s="275"/>
      <c r="E1" s="275"/>
      <c r="F1" s="160"/>
      <c r="G1" s="160"/>
      <c r="H1" s="160"/>
      <c r="I1" s="160"/>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6515885791</v>
      </c>
      <c r="K10" s="44">
        <v>0</v>
      </c>
      <c r="L10" s="44">
        <v>6515885791</v>
      </c>
      <c r="M10" s="13"/>
      <c r="N10" s="13"/>
    </row>
    <row r="11" spans="1:14" ht="50.1" customHeight="1" x14ac:dyDescent="0.15">
      <c r="A11" s="13"/>
      <c r="B11" s="13"/>
      <c r="C11" s="274" t="s">
        <v>325</v>
      </c>
      <c r="D11" s="274"/>
      <c r="E11" s="274"/>
      <c r="F11" s="274"/>
      <c r="G11" s="274"/>
      <c r="H11" s="274"/>
      <c r="I11" s="274"/>
      <c r="J11" s="44">
        <v>2869125723</v>
      </c>
      <c r="K11" s="44">
        <v>0</v>
      </c>
      <c r="L11" s="44">
        <v>2869125723</v>
      </c>
      <c r="M11" s="13"/>
      <c r="N11" s="13"/>
    </row>
    <row r="12" spans="1:14" ht="50.1" customHeight="1" x14ac:dyDescent="0.15">
      <c r="A12" s="13"/>
      <c r="B12" s="13"/>
      <c r="C12" s="274" t="s">
        <v>326</v>
      </c>
      <c r="D12" s="274"/>
      <c r="E12" s="274"/>
      <c r="F12" s="274"/>
      <c r="G12" s="274"/>
      <c r="H12" s="274"/>
      <c r="I12" s="274"/>
      <c r="J12" s="44">
        <v>9385011514</v>
      </c>
      <c r="K12" s="44">
        <v>0</v>
      </c>
      <c r="L12" s="44">
        <v>9385011514</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A1:E1"/>
    <mergeCell ref="C5:L5"/>
    <mergeCell ref="C6:L6"/>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88" orientation="portrait" useFirstPageNumber="1" r:id="rId1"/>
  <headerFooter>
    <oddFooter>&amp;C&amp;"ＭＳ Ｐ明朝,標準"&amp;20&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70" zoomScaleSheetLayoutView="100" workbookViewId="0">
      <selection sqref="A1:E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398</v>
      </c>
      <c r="B1" s="275"/>
      <c r="C1" s="275"/>
      <c r="D1" s="275"/>
      <c r="E1" s="275"/>
      <c r="F1" s="160"/>
      <c r="G1" s="160"/>
      <c r="H1" s="160"/>
      <c r="I1" s="160"/>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49"/>
      <c r="N5" s="39"/>
    </row>
    <row r="6" spans="1:14" ht="22.5" customHeight="1" x14ac:dyDescent="0.15">
      <c r="C6" s="273" t="s">
        <v>413</v>
      </c>
      <c r="D6" s="273"/>
      <c r="E6" s="273"/>
      <c r="F6" s="273"/>
      <c r="G6" s="273"/>
      <c r="H6" s="273"/>
      <c r="I6" s="273"/>
      <c r="J6" s="273"/>
      <c r="K6" s="273"/>
      <c r="L6" s="273"/>
      <c r="M6" s="149"/>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12574627464133</v>
      </c>
      <c r="K10" s="44">
        <v>79893922210</v>
      </c>
      <c r="L10" s="44">
        <v>12654521386343</v>
      </c>
      <c r="M10" s="13"/>
      <c r="N10" s="13"/>
    </row>
    <row r="11" spans="1:14" ht="50.1" customHeight="1" x14ac:dyDescent="0.15">
      <c r="A11" s="13"/>
      <c r="B11" s="13"/>
      <c r="C11" s="274" t="s">
        <v>325</v>
      </c>
      <c r="D11" s="274"/>
      <c r="E11" s="274"/>
      <c r="F11" s="274"/>
      <c r="G11" s="274"/>
      <c r="H11" s="274"/>
      <c r="I11" s="274"/>
      <c r="J11" s="44">
        <v>75878514597</v>
      </c>
      <c r="K11" s="44">
        <v>-29260928080</v>
      </c>
      <c r="L11" s="44">
        <v>46617586517</v>
      </c>
      <c r="M11" s="13"/>
      <c r="N11" s="13"/>
    </row>
    <row r="12" spans="1:14" ht="50.1" customHeight="1" x14ac:dyDescent="0.15">
      <c r="A12" s="13"/>
      <c r="B12" s="13"/>
      <c r="C12" s="274" t="s">
        <v>326</v>
      </c>
      <c r="D12" s="274"/>
      <c r="E12" s="274"/>
      <c r="F12" s="274"/>
      <c r="G12" s="274"/>
      <c r="H12" s="274"/>
      <c r="I12" s="274"/>
      <c r="J12" s="44">
        <v>12650505978730</v>
      </c>
      <c r="K12" s="44">
        <v>50632994130</v>
      </c>
      <c r="L12" s="44">
        <v>12701138972860</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A1:E1"/>
    <mergeCell ref="C8:E8"/>
    <mergeCell ref="C9:I9"/>
    <mergeCell ref="C10:I10"/>
    <mergeCell ref="C11:I11"/>
    <mergeCell ref="C5:L5"/>
    <mergeCell ref="C6:L6"/>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4" orientation="portrait" blackAndWhite="1" useFirstPageNumber="1" r:id="rId1"/>
  <headerFooter>
    <oddFooter>&amp;C&amp;"ＭＳ Ｐ明朝,標準"&amp;20&amp;P</oddFooter>
  </headerFooter>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70" zoomScaleNormal="60" zoomScaleSheetLayoutView="7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31</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4186498646</v>
      </c>
      <c r="S9" s="12"/>
      <c r="T9" s="2"/>
    </row>
    <row r="10" spans="1:20" ht="22.5" customHeight="1" x14ac:dyDescent="0.15">
      <c r="A10" s="21"/>
      <c r="B10" s="13" t="s">
        <v>118</v>
      </c>
      <c r="C10" s="13"/>
      <c r="D10" s="13"/>
      <c r="E10" s="13"/>
      <c r="F10" s="13"/>
      <c r="G10" s="13"/>
      <c r="H10" s="14">
        <v>274628645893</v>
      </c>
      <c r="I10" s="54"/>
      <c r="J10" s="13"/>
      <c r="K10" s="21"/>
      <c r="L10" s="13"/>
      <c r="M10" s="13" t="s">
        <v>157</v>
      </c>
      <c r="N10" s="13"/>
      <c r="O10" s="13"/>
      <c r="P10" s="13"/>
      <c r="Q10" s="13"/>
      <c r="R10" s="14">
        <v>437174056</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374932459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70438463531</v>
      </c>
      <c r="I13" s="54"/>
      <c r="J13" s="13"/>
      <c r="K13" s="21"/>
      <c r="L13" s="13"/>
      <c r="M13" s="13"/>
      <c r="N13" s="13" t="s">
        <v>160</v>
      </c>
      <c r="O13" s="13"/>
      <c r="P13" s="13"/>
      <c r="Q13" s="13"/>
      <c r="R13" s="14">
        <v>374932459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54722240136</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4378100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106931839196</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42456451365</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42456451365</v>
      </c>
      <c r="I21" s="54"/>
      <c r="J21" s="13"/>
      <c r="K21" s="45" t="s">
        <v>164</v>
      </c>
      <c r="L21" s="47"/>
      <c r="M21" s="47"/>
      <c r="N21" s="47"/>
      <c r="O21" s="47"/>
      <c r="P21" s="47"/>
      <c r="Q21" s="47"/>
      <c r="R21" s="48">
        <v>-4186498646</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214438</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35656227</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271550222936</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2328297580</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8892590522</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5507676</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0</v>
      </c>
      <c r="I31" s="54"/>
      <c r="J31" s="13"/>
      <c r="K31" s="21"/>
      <c r="L31" s="13" t="s">
        <v>170</v>
      </c>
      <c r="M31" s="13"/>
      <c r="N31" s="13"/>
      <c r="O31" s="13"/>
      <c r="P31" s="13"/>
      <c r="Q31" s="13"/>
      <c r="R31" s="14">
        <v>19393892</v>
      </c>
      <c r="S31" s="54"/>
      <c r="T31" s="2"/>
    </row>
    <row r="32" spans="1:20" ht="22.5" customHeight="1" x14ac:dyDescent="0.15">
      <c r="A32" s="21"/>
      <c r="B32" s="13"/>
      <c r="C32" s="13" t="s">
        <v>139</v>
      </c>
      <c r="D32" s="13"/>
      <c r="E32" s="13"/>
      <c r="F32" s="13"/>
      <c r="G32" s="13"/>
      <c r="H32" s="14">
        <v>168100384</v>
      </c>
      <c r="I32" s="54"/>
      <c r="J32" s="13"/>
      <c r="K32" s="21"/>
      <c r="L32" s="13"/>
      <c r="M32" s="13" t="s">
        <v>171</v>
      </c>
      <c r="N32" s="13"/>
      <c r="O32" s="13"/>
      <c r="P32" s="13"/>
      <c r="Q32" s="13"/>
      <c r="R32" s="14">
        <v>0</v>
      </c>
      <c r="S32" s="54"/>
      <c r="T32" s="2"/>
    </row>
    <row r="33" spans="1:20" ht="22.5" customHeight="1" x14ac:dyDescent="0.15">
      <c r="A33" s="21"/>
      <c r="B33" s="13"/>
      <c r="C33" s="13" t="s">
        <v>140</v>
      </c>
      <c r="D33" s="13"/>
      <c r="E33" s="13"/>
      <c r="F33" s="13"/>
      <c r="G33" s="13"/>
      <c r="H33" s="14">
        <v>260155726774</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19393892</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3078422957</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19393892</v>
      </c>
      <c r="S40" s="52"/>
      <c r="T40" s="2"/>
    </row>
    <row r="41" spans="1:20" ht="22.5" customHeight="1" x14ac:dyDescent="0.15">
      <c r="A41" s="21"/>
      <c r="B41" s="13" t="s">
        <v>148</v>
      </c>
      <c r="C41" s="13"/>
      <c r="D41" s="13"/>
      <c r="E41" s="13"/>
      <c r="F41" s="13"/>
      <c r="G41" s="13"/>
      <c r="H41" s="14">
        <v>0</v>
      </c>
      <c r="I41" s="54"/>
      <c r="J41" s="13"/>
      <c r="K41" s="45" t="s">
        <v>176</v>
      </c>
      <c r="L41" s="47"/>
      <c r="M41" s="47"/>
      <c r="N41" s="47"/>
      <c r="O41" s="47"/>
      <c r="P41" s="47"/>
      <c r="Q41" s="47"/>
      <c r="R41" s="48">
        <v>-1127469581</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4091637566</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2964167985</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89" orientation="portrait" useFirstPageNumber="1" r:id="rId1"/>
  <headerFooter>
    <oddFooter>&amp;C&amp;"ＭＳ Ｐ明朝,標準"&amp;20&amp;P</oddFooter>
  </headerFooter>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9"/>
  <sheetViews>
    <sheetView showGridLines="0" view="pageBreakPreview" zoomScale="70" zoomScaleNormal="50" zoomScaleSheetLayoutView="7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31</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customHeight="1" x14ac:dyDescent="0.15">
      <c r="B26" s="168"/>
      <c r="C26" s="217" t="s">
        <v>544</v>
      </c>
      <c r="D26" s="217"/>
      <c r="E26" s="217"/>
    </row>
    <row r="27" spans="2:6" s="172" customFormat="1" ht="20.25" x14ac:dyDescent="0.15">
      <c r="B27" s="168"/>
      <c r="C27" s="243"/>
      <c r="D27" s="243"/>
      <c r="E27" s="243"/>
      <c r="F27" s="24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351" t="s">
        <v>549</v>
      </c>
      <c r="D30" s="351"/>
      <c r="E30" s="351"/>
      <c r="F30" s="351"/>
    </row>
    <row r="31" spans="2:6" s="172" customFormat="1" ht="20.25" x14ac:dyDescent="0.15">
      <c r="B31" s="168"/>
      <c r="C31" s="351"/>
      <c r="D31" s="351"/>
      <c r="E31" s="351"/>
      <c r="F31" s="351"/>
    </row>
    <row r="32" spans="2:6" s="172" customFormat="1" ht="20.25" x14ac:dyDescent="0.15">
      <c r="B32" s="168"/>
      <c r="C32" s="351"/>
      <c r="D32" s="351"/>
      <c r="E32" s="351"/>
      <c r="F32" s="351"/>
    </row>
    <row r="33" spans="2:6" s="172" customFormat="1" ht="20.25" x14ac:dyDescent="0.15">
      <c r="B33" s="168"/>
      <c r="C33" s="246"/>
      <c r="D33" s="246"/>
      <c r="E33" s="246"/>
      <c r="F33" s="246"/>
    </row>
    <row r="34" spans="2:6" s="172" customFormat="1" ht="20.25" x14ac:dyDescent="0.15">
      <c r="B34" s="168" t="s">
        <v>376</v>
      </c>
    </row>
    <row r="35" spans="2:6" s="172" customFormat="1" ht="20.25" customHeight="1" x14ac:dyDescent="0.15">
      <c r="B35" s="168"/>
      <c r="C35" s="217"/>
      <c r="D35" s="217"/>
      <c r="E35" s="217"/>
    </row>
    <row r="36" spans="2:6" s="172" customFormat="1" ht="20.25" x14ac:dyDescent="0.15">
      <c r="B36" s="168"/>
      <c r="C36" s="217" t="s">
        <v>545</v>
      </c>
      <c r="D36" s="217"/>
      <c r="E36" s="217"/>
    </row>
    <row r="37" spans="2:6" s="172" customFormat="1" ht="37.5" customHeight="1" x14ac:dyDescent="0.15">
      <c r="B37" s="168"/>
      <c r="C37" s="228"/>
      <c r="D37" s="224"/>
      <c r="E37" s="222"/>
    </row>
    <row r="38" spans="2:6" s="172" customFormat="1" ht="37.5" customHeight="1" x14ac:dyDescent="0.15">
      <c r="B38" s="168"/>
      <c r="C38" s="228"/>
      <c r="D38" s="229"/>
      <c r="E38" s="222"/>
    </row>
    <row r="39" spans="2:6" s="172" customFormat="1" ht="37.5" customHeight="1" x14ac:dyDescent="0.15">
      <c r="B39" s="168"/>
      <c r="C39" s="228"/>
      <c r="D39" s="225"/>
      <c r="E39" s="222"/>
    </row>
    <row r="40" spans="2:6" s="172" customFormat="1" ht="37.5" customHeight="1" x14ac:dyDescent="0.15">
      <c r="B40" s="168"/>
      <c r="C40" s="224"/>
      <c r="D40" s="225"/>
      <c r="E40" s="222"/>
    </row>
    <row r="41" spans="2:6" s="172" customFormat="1" ht="20.25" x14ac:dyDescent="0.15">
      <c r="B41" s="168"/>
      <c r="C41" s="177"/>
      <c r="D41" s="177"/>
    </row>
    <row r="42" spans="2:6" s="172" customFormat="1" ht="20.25" x14ac:dyDescent="0.15">
      <c r="B42" s="168"/>
    </row>
    <row r="43" spans="2:6" s="172" customFormat="1" ht="20.25" customHeight="1" x14ac:dyDescent="0.15">
      <c r="B43" s="168"/>
      <c r="C43" s="217"/>
      <c r="D43" s="217"/>
      <c r="E43" s="217"/>
    </row>
    <row r="44" spans="2:6" s="172" customFormat="1" ht="20.25" x14ac:dyDescent="0.15">
      <c r="B44" s="168"/>
      <c r="C44" s="227"/>
      <c r="D44" s="227"/>
      <c r="E44" s="227"/>
      <c r="F44" s="222"/>
    </row>
    <row r="45" spans="2:6" s="172" customFormat="1" ht="20.25" customHeight="1" x14ac:dyDescent="0.15">
      <c r="B45" s="168"/>
      <c r="C45" s="227"/>
      <c r="D45" s="227"/>
      <c r="E45" s="227"/>
      <c r="F45" s="222"/>
    </row>
    <row r="46" spans="2:6" s="172" customFormat="1" ht="20.25" x14ac:dyDescent="0.15">
      <c r="B46" s="168"/>
      <c r="C46" s="222"/>
      <c r="D46" s="222"/>
      <c r="E46" s="222"/>
      <c r="F46" s="222"/>
    </row>
    <row r="47" spans="2:6" s="172" customFormat="1" ht="20.25" x14ac:dyDescent="0.15">
      <c r="B47" s="168"/>
      <c r="C47" s="222"/>
      <c r="D47" s="222"/>
      <c r="E47" s="223"/>
      <c r="F47" s="222"/>
    </row>
    <row r="48" spans="2:6" s="172" customFormat="1" ht="20.25" x14ac:dyDescent="0.15">
      <c r="B48" s="168"/>
      <c r="C48" s="224"/>
      <c r="D48" s="224"/>
      <c r="E48" s="224"/>
      <c r="F48" s="222"/>
    </row>
    <row r="49" spans="2:6" s="172" customFormat="1" ht="93" customHeight="1" x14ac:dyDescent="0.15">
      <c r="B49" s="168"/>
      <c r="C49" s="224"/>
      <c r="D49" s="225"/>
      <c r="E49" s="226"/>
      <c r="F49" s="222"/>
    </row>
    <row r="50" spans="2:6" s="172" customFormat="1" ht="20.25" customHeight="1" x14ac:dyDescent="0.15">
      <c r="B50" s="168"/>
      <c r="C50" s="222"/>
      <c r="D50" s="222"/>
      <c r="E50" s="222"/>
      <c r="F50" s="222"/>
    </row>
    <row r="51" spans="2:6" s="172" customFormat="1" ht="20.25" x14ac:dyDescent="0.15">
      <c r="B51" s="168"/>
      <c r="C51" s="177"/>
      <c r="D51" s="177"/>
      <c r="E51" s="177"/>
      <c r="F51" s="222"/>
    </row>
    <row r="52" spans="2:6" s="172" customFormat="1" ht="20.25" customHeight="1" x14ac:dyDescent="0.15">
      <c r="B52" s="168"/>
      <c r="C52" s="350"/>
      <c r="D52" s="350"/>
      <c r="E52" s="350"/>
      <c r="F52" s="222"/>
    </row>
    <row r="53" spans="2:6" s="172" customFormat="1" ht="20.25" customHeight="1" x14ac:dyDescent="0.15">
      <c r="B53" s="168"/>
      <c r="C53" s="350"/>
      <c r="D53" s="350"/>
      <c r="E53" s="350"/>
      <c r="F53" s="222"/>
    </row>
    <row r="54" spans="2:6" s="172" customFormat="1" ht="20.25" customHeight="1" x14ac:dyDescent="0.15">
      <c r="B54" s="168"/>
      <c r="C54" s="349"/>
      <c r="D54" s="349"/>
      <c r="E54" s="349"/>
      <c r="F54" s="222"/>
    </row>
    <row r="55" spans="2:6" s="172" customFormat="1" ht="20.25" customHeight="1" x14ac:dyDescent="0.15">
      <c r="B55" s="168"/>
      <c r="C55" s="227"/>
      <c r="D55" s="227"/>
      <c r="E55" s="227"/>
      <c r="F55" s="222"/>
    </row>
    <row r="56" spans="2:6" s="172" customFormat="1" ht="20.25" customHeight="1" x14ac:dyDescent="0.15">
      <c r="B56" s="181"/>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350"/>
      <c r="D58" s="350"/>
      <c r="E58" s="350"/>
      <c r="F58" s="222"/>
    </row>
    <row r="59" spans="2:6" s="172" customFormat="1" ht="20.25" customHeight="1" x14ac:dyDescent="0.15">
      <c r="B59" s="168"/>
      <c r="C59" s="350"/>
      <c r="D59" s="350"/>
      <c r="E59" s="350"/>
      <c r="F59" s="222"/>
    </row>
    <row r="60" spans="2:6" s="172" customFormat="1" ht="20.25" customHeight="1" x14ac:dyDescent="0.15">
      <c r="B60" s="168"/>
      <c r="C60" s="282"/>
      <c r="D60" s="282"/>
      <c r="E60" s="282"/>
    </row>
    <row r="61" spans="2:6" s="172" customFormat="1" ht="20.25" customHeight="1" x14ac:dyDescent="0.15">
      <c r="B61" s="168"/>
      <c r="C61" s="283"/>
      <c r="D61" s="283"/>
      <c r="E61" s="217"/>
    </row>
    <row r="62" spans="2:6" s="172" customFormat="1" ht="20.25" customHeight="1" x14ac:dyDescent="0.15">
      <c r="B62" s="181"/>
      <c r="C62" s="281"/>
      <c r="D62" s="281"/>
      <c r="E62" s="281"/>
    </row>
    <row r="63" spans="2:6" s="172" customFormat="1" ht="20.25" customHeight="1" x14ac:dyDescent="0.15">
      <c r="B63" s="168"/>
      <c r="C63" s="281"/>
      <c r="D63" s="281"/>
      <c r="E63" s="281"/>
    </row>
    <row r="64" spans="2:6" s="172" customFormat="1" ht="20.25" customHeight="1" x14ac:dyDescent="0.15">
      <c r="B64" s="168"/>
      <c r="C64" s="217"/>
      <c r="D64" s="217"/>
      <c r="E64" s="217"/>
    </row>
    <row r="65" spans="2:5" s="172" customFormat="1" ht="20.25" customHeight="1" x14ac:dyDescent="0.15">
      <c r="B65" s="168"/>
      <c r="C65" s="217"/>
      <c r="D65" s="217"/>
      <c r="E65" s="217"/>
    </row>
    <row r="66" spans="2:5" s="172" customFormat="1" ht="48" customHeight="1" x14ac:dyDescent="0.15">
      <c r="B66" s="168"/>
      <c r="C66" s="182"/>
      <c r="D66" s="182"/>
      <c r="E66" s="182"/>
    </row>
    <row r="67" spans="2:5" s="198" customFormat="1" ht="22.5" customHeight="1" x14ac:dyDescent="0.15">
      <c r="C67" s="195"/>
      <c r="D67" s="195"/>
      <c r="E67" s="195"/>
    </row>
    <row r="68" spans="2:5" s="198" customFormat="1" ht="22.5" customHeight="1" x14ac:dyDescent="0.15">
      <c r="C68" s="195"/>
      <c r="D68" s="195"/>
      <c r="E68" s="195"/>
    </row>
    <row r="69" spans="2:5" s="198" customFormat="1" ht="21" customHeight="1" x14ac:dyDescent="0.15">
      <c r="C69" s="195"/>
      <c r="D69" s="195"/>
      <c r="E69" s="195"/>
    </row>
  </sheetData>
  <mergeCells count="17">
    <mergeCell ref="D12:E12"/>
    <mergeCell ref="A1:C1"/>
    <mergeCell ref="B5:E5"/>
    <mergeCell ref="D9:E9"/>
    <mergeCell ref="D10:E10"/>
    <mergeCell ref="D11:E11"/>
    <mergeCell ref="C56:E59"/>
    <mergeCell ref="C60:E60"/>
    <mergeCell ref="C61:D61"/>
    <mergeCell ref="C62:E63"/>
    <mergeCell ref="B13:E13"/>
    <mergeCell ref="B17:E17"/>
    <mergeCell ref="D21:E21"/>
    <mergeCell ref="D22:E22"/>
    <mergeCell ref="C52:E53"/>
    <mergeCell ref="C54:E54"/>
    <mergeCell ref="C30:F32"/>
  </mergeCells>
  <phoneticPr fontId="24"/>
  <printOptions horizontalCentered="1"/>
  <pageMargins left="0.19685039370078741" right="0.19685039370078741" top="0.31496062992125984" bottom="0.19685039370078741" header="0.11811023622047245" footer="0.11811023622047245"/>
  <pageSetup paperSize="9" scale="58" firstPageNumber="90" fitToHeight="0" orientation="portrait" useFirstPageNumber="1" r:id="rId1"/>
  <headerFooter>
    <oddFooter>&amp;C&amp;"ＭＳ Ｐ明朝,標準"&amp;20&amp;P</oddFooter>
  </headerFooter>
  <rowBreaks count="1" manualBreakCount="1">
    <brk id="12" max="5" man="1"/>
  </rowBreaks>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31</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0</v>
      </c>
      <c r="J18" s="85">
        <v>0</v>
      </c>
      <c r="K18" s="85">
        <v>0</v>
      </c>
      <c r="L18" s="84">
        <v>0</v>
      </c>
      <c r="M18" s="84">
        <v>0</v>
      </c>
      <c r="N18" s="84">
        <v>0</v>
      </c>
      <c r="O18" s="84">
        <v>0</v>
      </c>
    </row>
    <row r="19" spans="2:15" ht="21.95" customHeight="1" x14ac:dyDescent="0.15">
      <c r="B19" s="81"/>
      <c r="C19" s="82" t="s">
        <v>16</v>
      </c>
      <c r="D19" s="82"/>
      <c r="E19" s="82"/>
      <c r="F19" s="82"/>
      <c r="G19" s="82"/>
      <c r="H19" s="83"/>
      <c r="I19" s="84">
        <v>0</v>
      </c>
      <c r="J19" s="85">
        <v>0</v>
      </c>
      <c r="K19" s="85">
        <v>0</v>
      </c>
      <c r="L19" s="84">
        <v>0</v>
      </c>
      <c r="M19" s="84">
        <v>0</v>
      </c>
      <c r="N19" s="84">
        <v>0</v>
      </c>
      <c r="O19" s="84">
        <v>0</v>
      </c>
    </row>
    <row r="20" spans="2:15" ht="21.95" customHeight="1" x14ac:dyDescent="0.15">
      <c r="B20" s="81"/>
      <c r="C20" s="82"/>
      <c r="D20" s="82" t="s">
        <v>17</v>
      </c>
      <c r="E20" s="82"/>
      <c r="F20" s="82"/>
      <c r="G20" s="82"/>
      <c r="H20" s="83"/>
      <c r="I20" s="84">
        <v>0</v>
      </c>
      <c r="J20" s="85">
        <v>0</v>
      </c>
      <c r="K20" s="85">
        <v>0</v>
      </c>
      <c r="L20" s="84">
        <v>0</v>
      </c>
      <c r="M20" s="84">
        <v>0</v>
      </c>
      <c r="N20" s="84">
        <v>0</v>
      </c>
      <c r="O20" s="84">
        <v>0</v>
      </c>
    </row>
    <row r="21" spans="2:15" ht="21.95" customHeight="1" x14ac:dyDescent="0.15">
      <c r="B21" s="81"/>
      <c r="C21" s="82"/>
      <c r="D21" s="82" t="s">
        <v>18</v>
      </c>
      <c r="E21" s="82"/>
      <c r="F21" s="82"/>
      <c r="G21" s="82"/>
      <c r="H21" s="83"/>
      <c r="I21" s="84">
        <v>0</v>
      </c>
      <c r="J21" s="85">
        <v>0</v>
      </c>
      <c r="K21" s="85">
        <v>0</v>
      </c>
      <c r="L21" s="84">
        <v>0</v>
      </c>
      <c r="M21" s="84">
        <v>0</v>
      </c>
      <c r="N21" s="84">
        <v>0</v>
      </c>
      <c r="O21" s="84">
        <v>0</v>
      </c>
    </row>
    <row r="22" spans="2:15" ht="21.75" customHeight="1" x14ac:dyDescent="0.15">
      <c r="B22" s="81"/>
      <c r="C22" s="82"/>
      <c r="D22" s="82" t="s">
        <v>19</v>
      </c>
      <c r="E22" s="82"/>
      <c r="F22" s="82"/>
      <c r="G22" s="82"/>
      <c r="H22" s="83"/>
      <c r="I22" s="84">
        <v>0</v>
      </c>
      <c r="J22" s="85">
        <v>0</v>
      </c>
      <c r="K22" s="85">
        <v>0</v>
      </c>
      <c r="L22" s="84">
        <v>0</v>
      </c>
      <c r="M22" s="84">
        <v>0</v>
      </c>
      <c r="N22" s="84">
        <v>0</v>
      </c>
      <c r="O22" s="84">
        <v>0</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0</v>
      </c>
      <c r="J38" s="85">
        <v>0</v>
      </c>
      <c r="K38" s="85">
        <v>0</v>
      </c>
      <c r="L38" s="84">
        <v>0</v>
      </c>
      <c r="M38" s="84">
        <v>0</v>
      </c>
      <c r="N38" s="84">
        <v>0</v>
      </c>
      <c r="O38" s="84">
        <v>0</v>
      </c>
    </row>
    <row r="39" spans="2:15" ht="21.95" customHeight="1" x14ac:dyDescent="0.15">
      <c r="B39" s="81" t="s">
        <v>31</v>
      </c>
      <c r="C39" s="82"/>
      <c r="D39" s="82"/>
      <c r="E39" s="82"/>
      <c r="F39" s="82"/>
      <c r="G39" s="82"/>
      <c r="H39" s="83"/>
      <c r="I39" s="84">
        <v>212437290</v>
      </c>
      <c r="J39" s="85">
        <v>44205178</v>
      </c>
      <c r="K39" s="85">
        <v>113026424</v>
      </c>
      <c r="L39" s="84">
        <v>143616044</v>
      </c>
      <c r="M39" s="84">
        <v>102397721</v>
      </c>
      <c r="N39" s="84">
        <v>19393898</v>
      </c>
      <c r="O39" s="84">
        <v>41218323</v>
      </c>
    </row>
    <row r="40" spans="2:15" ht="21.95" customHeight="1" x14ac:dyDescent="0.15">
      <c r="B40" s="189" t="s">
        <v>32</v>
      </c>
      <c r="C40" s="190"/>
      <c r="D40" s="190"/>
      <c r="E40" s="190"/>
      <c r="F40" s="190"/>
      <c r="G40" s="190"/>
      <c r="H40" s="191"/>
      <c r="I40" s="84">
        <v>1321888284</v>
      </c>
      <c r="J40" s="85">
        <v>47857996</v>
      </c>
      <c r="K40" s="85">
        <v>0</v>
      </c>
      <c r="L40" s="84">
        <v>1369746280</v>
      </c>
      <c r="M40" s="84">
        <v>831979500</v>
      </c>
      <c r="N40" s="84">
        <v>268393939</v>
      </c>
      <c r="O40" s="84">
        <v>537766780</v>
      </c>
    </row>
    <row r="41" spans="2:15" ht="21.95" customHeight="1" x14ac:dyDescent="0.15">
      <c r="B41" s="189" t="s">
        <v>33</v>
      </c>
      <c r="C41" s="190"/>
      <c r="D41" s="190"/>
      <c r="E41" s="190"/>
      <c r="F41" s="190"/>
      <c r="G41" s="190"/>
      <c r="H41" s="191"/>
      <c r="I41" s="84">
        <v>312545849</v>
      </c>
      <c r="J41" s="85">
        <v>496418626</v>
      </c>
      <c r="K41" s="85">
        <v>107102566</v>
      </c>
      <c r="L41" s="84">
        <v>701861909</v>
      </c>
      <c r="M41" s="84">
        <v>0</v>
      </c>
      <c r="N41" s="84">
        <v>0</v>
      </c>
      <c r="O41" s="84">
        <v>701861909</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1846871423</v>
      </c>
      <c r="J43" s="85">
        <v>588481800</v>
      </c>
      <c r="K43" s="85">
        <v>220128990</v>
      </c>
      <c r="L43" s="84">
        <v>2215224233</v>
      </c>
      <c r="M43" s="84">
        <v>934377221</v>
      </c>
      <c r="N43" s="84">
        <v>287787837</v>
      </c>
      <c r="O43" s="84">
        <v>1280847012</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5:O45"/>
    <mergeCell ref="A1:K1"/>
    <mergeCell ref="A5:K5"/>
    <mergeCell ref="L5:P5"/>
    <mergeCell ref="B12:K13"/>
    <mergeCell ref="L12:O13"/>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92" fitToWidth="2" orientation="portrait" useFirstPageNumber="1" r:id="rId1"/>
  <headerFooter>
    <oddFooter>&amp;C&amp;"ＭＳ Ｐ明朝,標準"&amp;20&amp;P</oddFooter>
  </headerFooter>
  <colBreaks count="1" manualBreakCount="1">
    <brk id="11" max="43" man="1"/>
  </colBreaks>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35"/>
  <sheetViews>
    <sheetView showGridLines="0" view="pageBreakPreview" zoomScaleNormal="70" zoomScaleSheetLayoutView="100" workbookViewId="0"/>
  </sheetViews>
  <sheetFormatPr defaultColWidth="8.875" defaultRowHeight="18.75" x14ac:dyDescent="0.15"/>
  <cols>
    <col min="1" max="1" width="30.625" style="136" customWidth="1"/>
    <col min="2" max="7" width="3.5" style="136" customWidth="1"/>
    <col min="8" max="8" width="50.375" style="136" customWidth="1"/>
    <col min="9" max="14" width="32.625" style="136" customWidth="1"/>
    <col min="15" max="15" width="37.625" style="136" customWidth="1"/>
    <col min="16" max="16" width="15.125" style="111" customWidth="1"/>
    <col min="17" max="17" width="7" style="136" customWidth="1"/>
    <col min="18" max="18" width="10.5" style="136" customWidth="1"/>
    <col min="19" max="256" width="8.875" style="136"/>
    <col min="257" max="263" width="3.5" style="136" customWidth="1"/>
    <col min="264" max="264" width="15.625" style="136" customWidth="1"/>
    <col min="265" max="271" width="25.625" style="136" customWidth="1"/>
    <col min="272" max="512" width="8.875" style="136"/>
    <col min="513" max="519" width="3.5" style="136" customWidth="1"/>
    <col min="520" max="520" width="15.625" style="136" customWidth="1"/>
    <col min="521" max="527" width="25.625" style="136" customWidth="1"/>
    <col min="528" max="768" width="8.875" style="136"/>
    <col min="769" max="775" width="3.5" style="136" customWidth="1"/>
    <col min="776" max="776" width="15.625" style="136" customWidth="1"/>
    <col min="777" max="783" width="25.625" style="136" customWidth="1"/>
    <col min="784" max="1024" width="8.875" style="136"/>
    <col min="1025" max="1031" width="3.5" style="136" customWidth="1"/>
    <col min="1032" max="1032" width="15.625" style="136" customWidth="1"/>
    <col min="1033" max="1039" width="25.625" style="136" customWidth="1"/>
    <col min="1040" max="1280" width="8.875" style="136"/>
    <col min="1281" max="1287" width="3.5" style="136" customWidth="1"/>
    <col min="1288" max="1288" width="15.625" style="136" customWidth="1"/>
    <col min="1289" max="1295" width="25.625" style="136" customWidth="1"/>
    <col min="1296" max="1536" width="8.875" style="136"/>
    <col min="1537" max="1543" width="3.5" style="136" customWidth="1"/>
    <col min="1544" max="1544" width="15.625" style="136" customWidth="1"/>
    <col min="1545" max="1551" width="25.625" style="136" customWidth="1"/>
    <col min="1552" max="1792" width="8.875" style="136"/>
    <col min="1793" max="1799" width="3.5" style="136" customWidth="1"/>
    <col min="1800" max="1800" width="15.625" style="136" customWidth="1"/>
    <col min="1801" max="1807" width="25.625" style="136" customWidth="1"/>
    <col min="1808" max="2048" width="8.875" style="136"/>
    <col min="2049" max="2055" width="3.5" style="136" customWidth="1"/>
    <col min="2056" max="2056" width="15.625" style="136" customWidth="1"/>
    <col min="2057" max="2063" width="25.625" style="136" customWidth="1"/>
    <col min="2064" max="2304" width="8.875" style="136"/>
    <col min="2305" max="2311" width="3.5" style="136" customWidth="1"/>
    <col min="2312" max="2312" width="15.625" style="136" customWidth="1"/>
    <col min="2313" max="2319" width="25.625" style="136" customWidth="1"/>
    <col min="2320" max="2560" width="8.875" style="136"/>
    <col min="2561" max="2567" width="3.5" style="136" customWidth="1"/>
    <col min="2568" max="2568" width="15.625" style="136" customWidth="1"/>
    <col min="2569" max="2575" width="25.625" style="136" customWidth="1"/>
    <col min="2576" max="2816" width="8.875" style="136"/>
    <col min="2817" max="2823" width="3.5" style="136" customWidth="1"/>
    <col min="2824" max="2824" width="15.625" style="136" customWidth="1"/>
    <col min="2825" max="2831" width="25.625" style="136" customWidth="1"/>
    <col min="2832" max="3072" width="8.875" style="136"/>
    <col min="3073" max="3079" width="3.5" style="136" customWidth="1"/>
    <col min="3080" max="3080" width="15.625" style="136" customWidth="1"/>
    <col min="3081" max="3087" width="25.625" style="136" customWidth="1"/>
    <col min="3088" max="3328" width="8.875" style="136"/>
    <col min="3329" max="3335" width="3.5" style="136" customWidth="1"/>
    <col min="3336" max="3336" width="15.625" style="136" customWidth="1"/>
    <col min="3337" max="3343" width="25.625" style="136" customWidth="1"/>
    <col min="3344" max="3584" width="8.875" style="136"/>
    <col min="3585" max="3591" width="3.5" style="136" customWidth="1"/>
    <col min="3592" max="3592" width="15.625" style="136" customWidth="1"/>
    <col min="3593" max="3599" width="25.625" style="136" customWidth="1"/>
    <col min="3600" max="3840" width="8.875" style="136"/>
    <col min="3841" max="3847" width="3.5" style="136" customWidth="1"/>
    <col min="3848" max="3848" width="15.625" style="136" customWidth="1"/>
    <col min="3849" max="3855" width="25.625" style="136" customWidth="1"/>
    <col min="3856" max="4096" width="8.875" style="136"/>
    <col min="4097" max="4103" width="3.5" style="136" customWidth="1"/>
    <col min="4104" max="4104" width="15.625" style="136" customWidth="1"/>
    <col min="4105" max="4111" width="25.625" style="136" customWidth="1"/>
    <col min="4112" max="4352" width="8.875" style="136"/>
    <col min="4353" max="4359" width="3.5" style="136" customWidth="1"/>
    <col min="4360" max="4360" width="15.625" style="136" customWidth="1"/>
    <col min="4361" max="4367" width="25.625" style="136" customWidth="1"/>
    <col min="4368" max="4608" width="8.875" style="136"/>
    <col min="4609" max="4615" width="3.5" style="136" customWidth="1"/>
    <col min="4616" max="4616" width="15.625" style="136" customWidth="1"/>
    <col min="4617" max="4623" width="25.625" style="136" customWidth="1"/>
    <col min="4624" max="4864" width="8.875" style="136"/>
    <col min="4865" max="4871" width="3.5" style="136" customWidth="1"/>
    <col min="4872" max="4872" width="15.625" style="136" customWidth="1"/>
    <col min="4873" max="4879" width="25.625" style="136" customWidth="1"/>
    <col min="4880" max="5120" width="8.875" style="136"/>
    <col min="5121" max="5127" width="3.5" style="136" customWidth="1"/>
    <col min="5128" max="5128" width="15.625" style="136" customWidth="1"/>
    <col min="5129" max="5135" width="25.625" style="136" customWidth="1"/>
    <col min="5136" max="5376" width="8.875" style="136"/>
    <col min="5377" max="5383" width="3.5" style="136" customWidth="1"/>
    <col min="5384" max="5384" width="15.625" style="136" customWidth="1"/>
    <col min="5385" max="5391" width="25.625" style="136" customWidth="1"/>
    <col min="5392" max="5632" width="8.875" style="136"/>
    <col min="5633" max="5639" width="3.5" style="136" customWidth="1"/>
    <col min="5640" max="5640" width="15.625" style="136" customWidth="1"/>
    <col min="5641" max="5647" width="25.625" style="136" customWidth="1"/>
    <col min="5648" max="5888" width="8.875" style="136"/>
    <col min="5889" max="5895" width="3.5" style="136" customWidth="1"/>
    <col min="5896" max="5896" width="15.625" style="136" customWidth="1"/>
    <col min="5897" max="5903" width="25.625" style="136" customWidth="1"/>
    <col min="5904" max="6144" width="8.875" style="136"/>
    <col min="6145" max="6151" width="3.5" style="136" customWidth="1"/>
    <col min="6152" max="6152" width="15.625" style="136" customWidth="1"/>
    <col min="6153" max="6159" width="25.625" style="136" customWidth="1"/>
    <col min="6160" max="6400" width="8.875" style="136"/>
    <col min="6401" max="6407" width="3.5" style="136" customWidth="1"/>
    <col min="6408" max="6408" width="15.625" style="136" customWidth="1"/>
    <col min="6409" max="6415" width="25.625" style="136" customWidth="1"/>
    <col min="6416" max="6656" width="8.875" style="136"/>
    <col min="6657" max="6663" width="3.5" style="136" customWidth="1"/>
    <col min="6664" max="6664" width="15.625" style="136" customWidth="1"/>
    <col min="6665" max="6671" width="25.625" style="136" customWidth="1"/>
    <col min="6672" max="6912" width="8.875" style="136"/>
    <col min="6913" max="6919" width="3.5" style="136" customWidth="1"/>
    <col min="6920" max="6920" width="15.625" style="136" customWidth="1"/>
    <col min="6921" max="6927" width="25.625" style="136" customWidth="1"/>
    <col min="6928" max="7168" width="8.875" style="136"/>
    <col min="7169" max="7175" width="3.5" style="136" customWidth="1"/>
    <col min="7176" max="7176" width="15.625" style="136" customWidth="1"/>
    <col min="7177" max="7183" width="25.625" style="136" customWidth="1"/>
    <col min="7184" max="7424" width="8.875" style="136"/>
    <col min="7425" max="7431" width="3.5" style="136" customWidth="1"/>
    <col min="7432" max="7432" width="15.625" style="136" customWidth="1"/>
    <col min="7433" max="7439" width="25.625" style="136" customWidth="1"/>
    <col min="7440" max="7680" width="8.875" style="136"/>
    <col min="7681" max="7687" width="3.5" style="136" customWidth="1"/>
    <col min="7688" max="7688" width="15.625" style="136" customWidth="1"/>
    <col min="7689" max="7695" width="25.625" style="136" customWidth="1"/>
    <col min="7696" max="7936" width="8.875" style="136"/>
    <col min="7937" max="7943" width="3.5" style="136" customWidth="1"/>
    <col min="7944" max="7944" width="15.625" style="136" customWidth="1"/>
    <col min="7945" max="7951" width="25.625" style="136" customWidth="1"/>
    <col min="7952" max="8192" width="8.875" style="136"/>
    <col min="8193" max="8199" width="3.5" style="136" customWidth="1"/>
    <col min="8200" max="8200" width="15.625" style="136" customWidth="1"/>
    <col min="8201" max="8207" width="25.625" style="136" customWidth="1"/>
    <col min="8208" max="8448" width="8.875" style="136"/>
    <col min="8449" max="8455" width="3.5" style="136" customWidth="1"/>
    <col min="8456" max="8456" width="15.625" style="136" customWidth="1"/>
    <col min="8457" max="8463" width="25.625" style="136" customWidth="1"/>
    <col min="8464" max="8704" width="8.875" style="136"/>
    <col min="8705" max="8711" width="3.5" style="136" customWidth="1"/>
    <col min="8712" max="8712" width="15.625" style="136" customWidth="1"/>
    <col min="8713" max="8719" width="25.625" style="136" customWidth="1"/>
    <col min="8720" max="8960" width="8.875" style="136"/>
    <col min="8961" max="8967" width="3.5" style="136" customWidth="1"/>
    <col min="8968" max="8968" width="15.625" style="136" customWidth="1"/>
    <col min="8969" max="8975" width="25.625" style="136" customWidth="1"/>
    <col min="8976" max="9216" width="8.875" style="136"/>
    <col min="9217" max="9223" width="3.5" style="136" customWidth="1"/>
    <col min="9224" max="9224" width="15.625" style="136" customWidth="1"/>
    <col min="9225" max="9231" width="25.625" style="136" customWidth="1"/>
    <col min="9232" max="9472" width="8.875" style="136"/>
    <col min="9473" max="9479" width="3.5" style="136" customWidth="1"/>
    <col min="9480" max="9480" width="15.625" style="136" customWidth="1"/>
    <col min="9481" max="9487" width="25.625" style="136" customWidth="1"/>
    <col min="9488" max="9728" width="8.875" style="136"/>
    <col min="9729" max="9735" width="3.5" style="136" customWidth="1"/>
    <col min="9736" max="9736" width="15.625" style="136" customWidth="1"/>
    <col min="9737" max="9743" width="25.625" style="136" customWidth="1"/>
    <col min="9744" max="9984" width="8.875" style="136"/>
    <col min="9985" max="9991" width="3.5" style="136" customWidth="1"/>
    <col min="9992" max="9992" width="15.625" style="136" customWidth="1"/>
    <col min="9993" max="9999" width="25.625" style="136" customWidth="1"/>
    <col min="10000" max="10240" width="8.875" style="136"/>
    <col min="10241" max="10247" width="3.5" style="136" customWidth="1"/>
    <col min="10248" max="10248" width="15.625" style="136" customWidth="1"/>
    <col min="10249" max="10255" width="25.625" style="136" customWidth="1"/>
    <col min="10256" max="10496" width="8.875" style="136"/>
    <col min="10497" max="10503" width="3.5" style="136" customWidth="1"/>
    <col min="10504" max="10504" width="15.625" style="136" customWidth="1"/>
    <col min="10505" max="10511" width="25.625" style="136" customWidth="1"/>
    <col min="10512" max="10752" width="8.875" style="136"/>
    <col min="10753" max="10759" width="3.5" style="136" customWidth="1"/>
    <col min="10760" max="10760" width="15.625" style="136" customWidth="1"/>
    <col min="10761" max="10767" width="25.625" style="136" customWidth="1"/>
    <col min="10768" max="11008" width="8.875" style="136"/>
    <col min="11009" max="11015" width="3.5" style="136" customWidth="1"/>
    <col min="11016" max="11016" width="15.625" style="136" customWidth="1"/>
    <col min="11017" max="11023" width="25.625" style="136" customWidth="1"/>
    <col min="11024" max="11264" width="8.875" style="136"/>
    <col min="11265" max="11271" width="3.5" style="136" customWidth="1"/>
    <col min="11272" max="11272" width="15.625" style="136" customWidth="1"/>
    <col min="11273" max="11279" width="25.625" style="136" customWidth="1"/>
    <col min="11280" max="11520" width="8.875" style="136"/>
    <col min="11521" max="11527" width="3.5" style="136" customWidth="1"/>
    <col min="11528" max="11528" width="15.625" style="136" customWidth="1"/>
    <col min="11529" max="11535" width="25.625" style="136" customWidth="1"/>
    <col min="11536" max="11776" width="8.875" style="136"/>
    <col min="11777" max="11783" width="3.5" style="136" customWidth="1"/>
    <col min="11784" max="11784" width="15.625" style="136" customWidth="1"/>
    <col min="11785" max="11791" width="25.625" style="136" customWidth="1"/>
    <col min="11792" max="12032" width="8.875" style="136"/>
    <col min="12033" max="12039" width="3.5" style="136" customWidth="1"/>
    <col min="12040" max="12040" width="15.625" style="136" customWidth="1"/>
    <col min="12041" max="12047" width="25.625" style="136" customWidth="1"/>
    <col min="12048" max="12288" width="8.875" style="136"/>
    <col min="12289" max="12295" width="3.5" style="136" customWidth="1"/>
    <col min="12296" max="12296" width="15.625" style="136" customWidth="1"/>
    <col min="12297" max="12303" width="25.625" style="136" customWidth="1"/>
    <col min="12304" max="12544" width="8.875" style="136"/>
    <col min="12545" max="12551" width="3.5" style="136" customWidth="1"/>
    <col min="12552" max="12552" width="15.625" style="136" customWidth="1"/>
    <col min="12553" max="12559" width="25.625" style="136" customWidth="1"/>
    <col min="12560" max="12800" width="8.875" style="136"/>
    <col min="12801" max="12807" width="3.5" style="136" customWidth="1"/>
    <col min="12808" max="12808" width="15.625" style="136" customWidth="1"/>
    <col min="12809" max="12815" width="25.625" style="136" customWidth="1"/>
    <col min="12816" max="13056" width="8.875" style="136"/>
    <col min="13057" max="13063" width="3.5" style="136" customWidth="1"/>
    <col min="13064" max="13064" width="15.625" style="136" customWidth="1"/>
    <col min="13065" max="13071" width="25.625" style="136" customWidth="1"/>
    <col min="13072" max="13312" width="8.875" style="136"/>
    <col min="13313" max="13319" width="3.5" style="136" customWidth="1"/>
    <col min="13320" max="13320" width="15.625" style="136" customWidth="1"/>
    <col min="13321" max="13327" width="25.625" style="136" customWidth="1"/>
    <col min="13328" max="13568" width="8.875" style="136"/>
    <col min="13569" max="13575" width="3.5" style="136" customWidth="1"/>
    <col min="13576" max="13576" width="15.625" style="136" customWidth="1"/>
    <col min="13577" max="13583" width="25.625" style="136" customWidth="1"/>
    <col min="13584" max="13824" width="8.875" style="136"/>
    <col min="13825" max="13831" width="3.5" style="136" customWidth="1"/>
    <col min="13832" max="13832" width="15.625" style="136" customWidth="1"/>
    <col min="13833" max="13839" width="25.625" style="136" customWidth="1"/>
    <col min="13840" max="14080" width="8.875" style="136"/>
    <col min="14081" max="14087" width="3.5" style="136" customWidth="1"/>
    <col min="14088" max="14088" width="15.625" style="136" customWidth="1"/>
    <col min="14089" max="14095" width="25.625" style="136" customWidth="1"/>
    <col min="14096" max="14336" width="8.875" style="136"/>
    <col min="14337" max="14343" width="3.5" style="136" customWidth="1"/>
    <col min="14344" max="14344" width="15.625" style="136" customWidth="1"/>
    <col min="14345" max="14351" width="25.625" style="136" customWidth="1"/>
    <col min="14352" max="14592" width="8.875" style="136"/>
    <col min="14593" max="14599" width="3.5" style="136" customWidth="1"/>
    <col min="14600" max="14600" width="15.625" style="136" customWidth="1"/>
    <col min="14601" max="14607" width="25.625" style="136" customWidth="1"/>
    <col min="14608" max="14848" width="8.875" style="136"/>
    <col min="14849" max="14855" width="3.5" style="136" customWidth="1"/>
    <col min="14856" max="14856" width="15.625" style="136" customWidth="1"/>
    <col min="14857" max="14863" width="25.625" style="136" customWidth="1"/>
    <col min="14864" max="15104" width="8.875" style="136"/>
    <col min="15105" max="15111" width="3.5" style="136" customWidth="1"/>
    <col min="15112" max="15112" width="15.625" style="136" customWidth="1"/>
    <col min="15113" max="15119" width="25.625" style="136" customWidth="1"/>
    <col min="15120" max="15360" width="8.875" style="136"/>
    <col min="15361" max="15367" width="3.5" style="136" customWidth="1"/>
    <col min="15368" max="15368" width="15.625" style="136" customWidth="1"/>
    <col min="15369" max="15375" width="25.625" style="136" customWidth="1"/>
    <col min="15376" max="15616" width="8.875" style="136"/>
    <col min="15617" max="15623" width="3.5" style="136" customWidth="1"/>
    <col min="15624" max="15624" width="15.625" style="136" customWidth="1"/>
    <col min="15625" max="15631" width="25.625" style="136" customWidth="1"/>
    <col min="15632" max="15872" width="8.875" style="136"/>
    <col min="15873" max="15879" width="3.5" style="136" customWidth="1"/>
    <col min="15880" max="15880" width="15.625" style="136" customWidth="1"/>
    <col min="15881" max="15887" width="25.625" style="136" customWidth="1"/>
    <col min="15888" max="16128" width="8.875" style="136"/>
    <col min="16129" max="16135" width="3.5" style="136" customWidth="1"/>
    <col min="16136" max="16136" width="15.625" style="136" customWidth="1"/>
    <col min="16137" max="16143" width="25.625" style="136" customWidth="1"/>
    <col min="16144" max="16384" width="8.875" style="136"/>
  </cols>
  <sheetData>
    <row r="1" spans="1:16" s="102" customFormat="1" ht="22.5" customHeight="1" x14ac:dyDescent="0.15">
      <c r="A1" s="160" t="s">
        <v>531</v>
      </c>
      <c r="B1" s="160"/>
      <c r="C1" s="160"/>
      <c r="D1" s="160"/>
      <c r="E1" s="160"/>
      <c r="F1" s="160"/>
      <c r="G1" s="160"/>
      <c r="H1" s="160"/>
      <c r="I1" s="160"/>
      <c r="J1" s="160"/>
      <c r="K1" s="160"/>
      <c r="P1" s="203"/>
    </row>
    <row r="2" spans="1:16" s="1" customFormat="1" ht="22.5" customHeight="1" x14ac:dyDescent="0.15">
      <c r="B2" s="103"/>
      <c r="P2" s="204"/>
    </row>
    <row r="3" spans="1:16" s="1" customFormat="1" ht="22.5" customHeight="1" x14ac:dyDescent="0.15">
      <c r="B3" s="103"/>
      <c r="P3" s="204"/>
    </row>
    <row r="4" spans="1:16" s="1" customFormat="1" ht="22.5" customHeight="1" x14ac:dyDescent="0.15">
      <c r="B4" s="103"/>
      <c r="P4" s="204"/>
    </row>
    <row r="5" spans="1:16" s="148" customFormat="1" ht="28.5" customHeight="1" x14ac:dyDescent="0.15">
      <c r="A5" s="304" t="s">
        <v>281</v>
      </c>
      <c r="B5" s="304"/>
      <c r="C5" s="304"/>
      <c r="D5" s="304"/>
      <c r="E5" s="304"/>
      <c r="F5" s="304"/>
      <c r="G5" s="304"/>
      <c r="H5" s="304"/>
      <c r="I5" s="304"/>
      <c r="J5" s="304"/>
      <c r="K5" s="305" t="s">
        <v>284</v>
      </c>
      <c r="L5" s="305"/>
      <c r="M5" s="305"/>
      <c r="N5" s="305"/>
      <c r="O5" s="305"/>
      <c r="P5" s="205"/>
    </row>
    <row r="6" spans="1:16" s="148" customFormat="1" ht="21.95" customHeight="1" x14ac:dyDescent="0.15">
      <c r="A6" s="237"/>
      <c r="B6" s="237"/>
      <c r="C6" s="237"/>
      <c r="D6" s="237"/>
      <c r="E6" s="237"/>
      <c r="F6" s="237"/>
      <c r="G6" s="237"/>
      <c r="H6" s="237"/>
      <c r="I6" s="237"/>
      <c r="J6" s="237"/>
      <c r="K6" s="238"/>
      <c r="L6" s="238"/>
      <c r="M6" s="238"/>
      <c r="N6" s="238"/>
      <c r="O6" s="238"/>
      <c r="P6" s="205"/>
    </row>
    <row r="7" spans="1:16" x14ac:dyDescent="0.15">
      <c r="M7" s="94"/>
      <c r="N7" s="94" t="s">
        <v>219</v>
      </c>
    </row>
    <row r="8" spans="1:16" ht="21.75" customHeight="1" x14ac:dyDescent="0.15">
      <c r="B8" s="309" t="s">
        <v>220</v>
      </c>
      <c r="C8" s="310"/>
      <c r="D8" s="310"/>
      <c r="E8" s="310"/>
      <c r="F8" s="310"/>
      <c r="G8" s="310"/>
      <c r="H8" s="311"/>
      <c r="I8" s="315" t="s">
        <v>221</v>
      </c>
      <c r="J8" s="317" t="s">
        <v>222</v>
      </c>
      <c r="K8" s="317" t="s">
        <v>223</v>
      </c>
      <c r="L8" s="317" t="s">
        <v>224</v>
      </c>
      <c r="M8" s="317" t="s">
        <v>225</v>
      </c>
      <c r="N8" s="317" t="s">
        <v>226</v>
      </c>
    </row>
    <row r="9" spans="1:16" ht="21.95" customHeight="1" x14ac:dyDescent="0.15">
      <c r="B9" s="312"/>
      <c r="C9" s="313"/>
      <c r="D9" s="313"/>
      <c r="E9" s="313"/>
      <c r="F9" s="313"/>
      <c r="G9" s="313"/>
      <c r="H9" s="314"/>
      <c r="I9" s="316"/>
      <c r="J9" s="318"/>
      <c r="K9" s="318"/>
      <c r="L9" s="318"/>
      <c r="M9" s="318"/>
      <c r="N9" s="318"/>
    </row>
    <row r="10" spans="1:16" ht="21.95" customHeight="1" x14ac:dyDescent="0.15">
      <c r="B10" s="188" t="s">
        <v>532</v>
      </c>
      <c r="C10" s="186"/>
      <c r="D10" s="186"/>
      <c r="E10" s="186"/>
      <c r="F10" s="186"/>
      <c r="G10" s="186"/>
      <c r="H10" s="187"/>
      <c r="I10" s="137">
        <v>6187405416</v>
      </c>
      <c r="J10" s="137">
        <v>0</v>
      </c>
      <c r="K10" s="137">
        <v>0</v>
      </c>
      <c r="L10" s="137">
        <v>0</v>
      </c>
      <c r="M10" s="146">
        <v>0</v>
      </c>
      <c r="N10" s="137">
        <v>6187405416</v>
      </c>
    </row>
    <row r="11" spans="1:16" ht="22.5" customHeight="1" x14ac:dyDescent="0.15">
      <c r="B11" s="306" t="s">
        <v>232</v>
      </c>
      <c r="C11" s="307"/>
      <c r="D11" s="307"/>
      <c r="E11" s="307"/>
      <c r="F11" s="307"/>
      <c r="G11" s="307"/>
      <c r="H11" s="308"/>
      <c r="I11" s="137">
        <v>6187405416</v>
      </c>
      <c r="J11" s="137">
        <v>0</v>
      </c>
      <c r="K11" s="137">
        <v>0</v>
      </c>
      <c r="L11" s="137">
        <v>0</v>
      </c>
      <c r="M11" s="137">
        <v>0</v>
      </c>
      <c r="N11" s="137">
        <v>6187405416</v>
      </c>
    </row>
    <row r="13" spans="1:16" x14ac:dyDescent="0.15">
      <c r="N13" s="105"/>
    </row>
    <row r="32" spans="3:6" x14ac:dyDescent="0.15">
      <c r="C32" s="111"/>
      <c r="D32" s="111"/>
      <c r="E32" s="111"/>
      <c r="F32" s="111"/>
    </row>
    <row r="33" spans="3:6" x14ac:dyDescent="0.15">
      <c r="C33" s="111"/>
      <c r="D33" s="111"/>
      <c r="E33" s="111"/>
      <c r="F33" s="111"/>
    </row>
    <row r="34" spans="3:6" x14ac:dyDescent="0.15">
      <c r="C34" s="111"/>
      <c r="D34" s="111"/>
      <c r="E34" s="111"/>
      <c r="F34" s="111"/>
    </row>
    <row r="35" spans="3:6" x14ac:dyDescent="0.15">
      <c r="C35" s="111"/>
      <c r="D35" s="111"/>
      <c r="E35" s="111"/>
      <c r="F35" s="111"/>
    </row>
  </sheetData>
  <mergeCells count="10">
    <mergeCell ref="B11:H11"/>
    <mergeCell ref="A5:J5"/>
    <mergeCell ref="K5:O5"/>
    <mergeCell ref="B8:H9"/>
    <mergeCell ref="I8:I9"/>
    <mergeCell ref="J8:J9"/>
    <mergeCell ref="K8:K9"/>
    <mergeCell ref="L8:L9"/>
    <mergeCell ref="M8:M9"/>
    <mergeCell ref="N8:N9"/>
  </mergeCells>
  <phoneticPr fontId="24"/>
  <printOptions horizontalCentered="1"/>
  <pageMargins left="0.19685039370078741" right="0.19685039370078741" top="0.31496062992125984" bottom="0.19685039370078741" header="0.11811023622047245" footer="0.11811023622047245"/>
  <pageSetup paperSize="9" scale="58" firstPageNumber="94" fitToWidth="2" fitToHeight="0" orientation="portrait" useFirstPageNumber="1" r:id="rId1"/>
  <headerFooter>
    <oddFooter>&amp;C&amp;"ＭＳ Ｐ明朝,標準"&amp;20&amp;P</oddFooter>
  </headerFooter>
  <colBreaks count="2" manualBreakCount="2">
    <brk id="10" max="10" man="1"/>
    <brk id="19" min="6" max="36" man="1"/>
  </colBreaks>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31</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885549546</v>
      </c>
      <c r="J10" s="146">
        <v>647517949</v>
      </c>
      <c r="K10" s="146">
        <v>652203855</v>
      </c>
      <c r="L10" s="146">
        <v>18250</v>
      </c>
      <c r="M10" s="146">
        <v>652222105</v>
      </c>
      <c r="N10" s="91">
        <v>880845390</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156171280</v>
      </c>
      <c r="J16" s="146">
        <v>157155109</v>
      </c>
      <c r="K16" s="146">
        <v>156171280</v>
      </c>
      <c r="L16" s="146">
        <v>0</v>
      </c>
      <c r="M16" s="146">
        <v>156171280</v>
      </c>
      <c r="N16" s="91">
        <v>157155109</v>
      </c>
    </row>
    <row r="17" spans="2:14" ht="22.5" customHeight="1" x14ac:dyDescent="0.15">
      <c r="B17" s="336" t="s">
        <v>56</v>
      </c>
      <c r="C17" s="336"/>
      <c r="D17" s="336"/>
      <c r="E17" s="336"/>
      <c r="F17" s="336"/>
      <c r="G17" s="336"/>
      <c r="H17" s="336"/>
      <c r="I17" s="91">
        <v>2098660572</v>
      </c>
      <c r="J17" s="146">
        <v>35939022</v>
      </c>
      <c r="K17" s="146">
        <v>0</v>
      </c>
      <c r="L17" s="146">
        <v>202661234</v>
      </c>
      <c r="M17" s="146">
        <v>202661234</v>
      </c>
      <c r="N17" s="91">
        <v>193193836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3140381398</v>
      </c>
      <c r="J19" s="146">
        <v>840612080</v>
      </c>
      <c r="K19" s="146">
        <v>808375135</v>
      </c>
      <c r="L19" s="146">
        <v>202679484</v>
      </c>
      <c r="M19" s="146">
        <v>1011054619</v>
      </c>
      <c r="N19" s="91">
        <v>2969938859</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6:H16"/>
    <mergeCell ref="B17:H17"/>
    <mergeCell ref="B18:H18"/>
    <mergeCell ref="B19:H19"/>
    <mergeCell ref="B10:H10"/>
    <mergeCell ref="B11:H11"/>
    <mergeCell ref="B12:H12"/>
    <mergeCell ref="B13:H13"/>
    <mergeCell ref="B14:H14"/>
    <mergeCell ref="B15:H15"/>
    <mergeCell ref="A1:J1"/>
    <mergeCell ref="A5:J5"/>
    <mergeCell ref="K5:O5"/>
    <mergeCell ref="B7:D7"/>
    <mergeCell ref="B8:H9"/>
    <mergeCell ref="I8:I9"/>
    <mergeCell ref="J8:J9"/>
    <mergeCell ref="K8:M8"/>
    <mergeCell ref="N8:N9"/>
  </mergeCells>
  <phoneticPr fontId="24"/>
  <printOptions horizontalCentered="1"/>
  <pageMargins left="0.19685039370078741" right="0.19685039370078741" top="0.31496062992125984" bottom="0.19685039370078741" header="0.11811023622047245" footer="0.11811023622047245"/>
  <pageSetup paperSize="9" scale="58" firstPageNumber="96" fitToWidth="2" fitToHeight="0" orientation="portrait" useFirstPageNumber="1" r:id="rId1"/>
  <headerFooter>
    <oddFooter>&amp;C&amp;"ＭＳ Ｐ明朝,標準"&amp;20&amp;P</oddFooter>
  </headerFooter>
  <colBreaks count="1" manualBreakCount="1">
    <brk id="10" max="18" man="1"/>
  </colBreaks>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3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2" t="s">
        <v>331</v>
      </c>
      <c r="B17" s="262"/>
      <c r="C17" s="262"/>
      <c r="D17" s="262"/>
      <c r="E17" s="262"/>
      <c r="F17" s="262"/>
      <c r="G17" s="262"/>
      <c r="H17" s="262"/>
      <c r="I17" s="262"/>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firstPageNumber="106" orientation="portrait" useFirstPageNumber="1" r:id="rId1"/>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H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33</v>
      </c>
      <c r="B1" s="266"/>
      <c r="C1" s="266"/>
      <c r="D1" s="266"/>
      <c r="E1" s="266"/>
      <c r="F1" s="266"/>
      <c r="G1" s="266"/>
      <c r="H1" s="266"/>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1745777712</v>
      </c>
      <c r="J10" s="23"/>
      <c r="K10" s="21"/>
      <c r="L10" s="15" t="s">
        <v>43</v>
      </c>
      <c r="M10" s="13"/>
      <c r="N10" s="13"/>
      <c r="O10" s="13"/>
      <c r="P10" s="13"/>
      <c r="Q10" s="13"/>
      <c r="R10" s="14">
        <v>44642082</v>
      </c>
      <c r="S10" s="54"/>
      <c r="T10" s="2"/>
    </row>
    <row r="11" spans="1:20" ht="22.5" customHeight="1" x14ac:dyDescent="0.15">
      <c r="B11" s="21"/>
      <c r="C11" s="13"/>
      <c r="D11" s="13" t="s">
        <v>4</v>
      </c>
      <c r="E11" s="13"/>
      <c r="F11" s="13"/>
      <c r="G11" s="13"/>
      <c r="H11" s="13"/>
      <c r="I11" s="14">
        <v>1465412906</v>
      </c>
      <c r="J11" s="23"/>
      <c r="K11" s="21"/>
      <c r="L11" s="13"/>
      <c r="M11" s="13" t="s">
        <v>44</v>
      </c>
      <c r="N11" s="13"/>
      <c r="O11" s="13"/>
      <c r="P11" s="13"/>
      <c r="Q11" s="13"/>
      <c r="R11" s="14">
        <v>0</v>
      </c>
      <c r="S11" s="54"/>
      <c r="T11" s="2"/>
    </row>
    <row r="12" spans="1:20" ht="22.5" customHeight="1" x14ac:dyDescent="0.15">
      <c r="B12" s="21"/>
      <c r="C12" s="13"/>
      <c r="D12" s="13"/>
      <c r="E12" s="13" t="s">
        <v>5</v>
      </c>
      <c r="F12" s="13"/>
      <c r="G12" s="13"/>
      <c r="H12" s="13"/>
      <c r="I12" s="14">
        <v>1465412906</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462937864</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182573058</v>
      </c>
      <c r="J15" s="23"/>
      <c r="K15" s="21"/>
      <c r="L15" s="13"/>
      <c r="M15" s="13" t="s">
        <v>48</v>
      </c>
      <c r="N15" s="13"/>
      <c r="O15" s="13"/>
      <c r="P15" s="13"/>
      <c r="Q15" s="13"/>
      <c r="R15" s="14">
        <v>43491162</v>
      </c>
      <c r="S15" s="54"/>
      <c r="T15" s="2"/>
    </row>
    <row r="16" spans="1:20" ht="22.5" customHeight="1" x14ac:dyDescent="0.15">
      <c r="B16" s="21"/>
      <c r="C16" s="13"/>
      <c r="D16" s="13" t="s">
        <v>9</v>
      </c>
      <c r="E16" s="13"/>
      <c r="F16" s="13"/>
      <c r="G16" s="13"/>
      <c r="H16" s="13"/>
      <c r="I16" s="14">
        <v>0</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0</v>
      </c>
      <c r="J18" s="23"/>
      <c r="K18" s="21"/>
      <c r="L18" s="13"/>
      <c r="M18" s="13" t="s">
        <v>51</v>
      </c>
      <c r="N18" s="13"/>
      <c r="O18" s="13"/>
      <c r="P18" s="13"/>
      <c r="Q18" s="13"/>
      <c r="R18" s="14">
        <v>115092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0</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502239270</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0</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354409553</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0</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0</v>
      </c>
      <c r="J25" s="23"/>
      <c r="K25" s="21"/>
      <c r="L25" s="13"/>
      <c r="M25" s="13" t="s">
        <v>56</v>
      </c>
      <c r="N25" s="13"/>
      <c r="O25" s="13"/>
      <c r="P25" s="13"/>
      <c r="Q25" s="13"/>
      <c r="R25" s="14">
        <v>496772400</v>
      </c>
      <c r="S25" s="54"/>
      <c r="T25" s="2"/>
    </row>
    <row r="26" spans="2:20" ht="22.5" customHeight="1" x14ac:dyDescent="0.15">
      <c r="B26" s="21"/>
      <c r="C26" s="247"/>
      <c r="D26" s="247"/>
      <c r="E26" s="247"/>
      <c r="F26" s="247" t="s">
        <v>17</v>
      </c>
      <c r="G26" s="13"/>
      <c r="H26" s="13"/>
      <c r="I26" s="14">
        <v>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0</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546687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0</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546881352</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1553305913</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0</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661779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164315544</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183476219</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0</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0</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1553305913</v>
      </c>
      <c r="S60" s="52"/>
      <c r="T60" s="2"/>
    </row>
    <row r="61" spans="2:20" ht="22.5" customHeight="1" x14ac:dyDescent="0.15">
      <c r="B61" s="45" t="s">
        <v>65</v>
      </c>
      <c r="C61" s="46"/>
      <c r="D61" s="47"/>
      <c r="E61" s="47"/>
      <c r="F61" s="47"/>
      <c r="G61" s="47"/>
      <c r="H61" s="47"/>
      <c r="I61" s="48">
        <v>2100187265</v>
      </c>
      <c r="J61" s="49"/>
      <c r="K61" s="45" t="s">
        <v>67</v>
      </c>
      <c r="L61" s="47"/>
      <c r="M61" s="47"/>
      <c r="N61" s="47"/>
      <c r="O61" s="47"/>
      <c r="P61" s="47"/>
      <c r="Q61" s="47"/>
      <c r="R61" s="48">
        <v>2100187265</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B5:S5"/>
    <mergeCell ref="B6:S6"/>
    <mergeCell ref="A1:H1"/>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100" orientation="portrait" blackAndWhite="1" useFirstPageNumber="1" r:id="rId1"/>
  <headerFooter>
    <oddFooter>&amp;C&amp;"ＭＳ Ｐ明朝,標準"&amp;20&amp;P</oddFooter>
  </headerFooter>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60" zoomScaleSheetLayoutView="100" workbookViewId="0">
      <selection sqref="A1:G1"/>
    </sheetView>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275" t="s">
        <v>533</v>
      </c>
      <c r="B1" s="275"/>
      <c r="C1" s="275"/>
      <c r="D1" s="275"/>
      <c r="E1" s="275"/>
      <c r="F1" s="275"/>
      <c r="G1" s="275"/>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31507321103</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23349394293</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6750</v>
      </c>
      <c r="J17" s="61"/>
      <c r="L17" s="13"/>
    </row>
    <row r="18" spans="2:12" ht="22.5" customHeight="1" x14ac:dyDescent="0.15">
      <c r="B18" s="60"/>
      <c r="C18" s="28" t="s">
        <v>77</v>
      </c>
      <c r="D18" s="28"/>
      <c r="E18" s="28"/>
      <c r="F18" s="28"/>
      <c r="G18" s="28"/>
      <c r="H18" s="29"/>
      <c r="I18" s="14">
        <v>0</v>
      </c>
      <c r="J18" s="61"/>
      <c r="L18" s="13"/>
    </row>
    <row r="19" spans="2:12" ht="22.5" customHeight="1" x14ac:dyDescent="0.15">
      <c r="B19" s="60"/>
      <c r="C19" s="28" t="s">
        <v>78</v>
      </c>
      <c r="D19" s="28"/>
      <c r="E19" s="28"/>
      <c r="F19" s="28"/>
      <c r="G19" s="28"/>
      <c r="H19" s="29"/>
      <c r="I19" s="14">
        <v>8145796131</v>
      </c>
      <c r="J19" s="61"/>
      <c r="L19" s="13"/>
    </row>
    <row r="20" spans="2:12" ht="22.5" customHeight="1" x14ac:dyDescent="0.15">
      <c r="B20" s="60"/>
      <c r="C20" s="28"/>
      <c r="D20" s="28" t="s">
        <v>79</v>
      </c>
      <c r="E20" s="28"/>
      <c r="F20" s="28"/>
      <c r="G20" s="28"/>
      <c r="H20" s="29"/>
      <c r="I20" s="14">
        <v>8145796131</v>
      </c>
      <c r="J20" s="61"/>
      <c r="L20" s="13"/>
    </row>
    <row r="21" spans="2:12" ht="22.5" customHeight="1" x14ac:dyDescent="0.15">
      <c r="B21" s="60"/>
      <c r="C21" s="28"/>
      <c r="D21" s="28" t="s">
        <v>80</v>
      </c>
      <c r="E21" s="28"/>
      <c r="F21" s="28"/>
      <c r="G21" s="28"/>
      <c r="H21" s="29"/>
      <c r="I21" s="14">
        <v>0</v>
      </c>
      <c r="J21" s="61"/>
      <c r="L21" s="13"/>
    </row>
    <row r="22" spans="2:12" ht="22.5" customHeight="1" x14ac:dyDescent="0.15">
      <c r="B22" s="60"/>
      <c r="C22" s="28"/>
      <c r="D22" s="28" t="s">
        <v>81</v>
      </c>
      <c r="E22" s="28"/>
      <c r="F22" s="28"/>
      <c r="G22" s="28"/>
      <c r="H22" s="29"/>
      <c r="I22" s="14">
        <v>0</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0</v>
      </c>
      <c r="J24" s="61"/>
      <c r="L24" s="13"/>
    </row>
    <row r="25" spans="2:12" ht="22.5" customHeight="1" x14ac:dyDescent="0.15">
      <c r="B25" s="251"/>
      <c r="C25" s="252" t="s">
        <v>84</v>
      </c>
      <c r="D25" s="252"/>
      <c r="E25" s="252"/>
      <c r="F25" s="62"/>
      <c r="G25" s="62"/>
      <c r="H25" s="63"/>
      <c r="I25" s="64">
        <v>12123929</v>
      </c>
      <c r="J25" s="65"/>
      <c r="L25" s="13"/>
    </row>
    <row r="26" spans="2:12" ht="22.5" customHeight="1" x14ac:dyDescent="0.15">
      <c r="B26" s="249" t="s">
        <v>85</v>
      </c>
      <c r="C26" s="250"/>
      <c r="D26" s="250"/>
      <c r="E26" s="250"/>
      <c r="F26" s="28"/>
      <c r="G26" s="28"/>
      <c r="H26" s="29"/>
      <c r="I26" s="16">
        <v>31407524043</v>
      </c>
      <c r="J26" s="61"/>
      <c r="L26" s="13"/>
    </row>
    <row r="27" spans="2:12" ht="22.5" customHeight="1" x14ac:dyDescent="0.15">
      <c r="B27" s="249"/>
      <c r="C27" s="250" t="s">
        <v>86</v>
      </c>
      <c r="D27" s="250"/>
      <c r="E27" s="250"/>
      <c r="F27" s="28"/>
      <c r="G27" s="28"/>
      <c r="H27" s="29"/>
      <c r="I27" s="14">
        <v>452571683</v>
      </c>
      <c r="J27" s="66"/>
      <c r="L27" s="13"/>
    </row>
    <row r="28" spans="2:12" ht="22.5" customHeight="1" x14ac:dyDescent="0.15">
      <c r="B28" s="60"/>
      <c r="C28" s="28" t="s">
        <v>87</v>
      </c>
      <c r="D28" s="28"/>
      <c r="E28" s="28"/>
      <c r="F28" s="28"/>
      <c r="G28" s="28"/>
      <c r="H28" s="29"/>
      <c r="I28" s="14">
        <v>39681120</v>
      </c>
      <c r="J28" s="66"/>
      <c r="L28" s="13"/>
    </row>
    <row r="29" spans="2:12" ht="22.5" customHeight="1" x14ac:dyDescent="0.15">
      <c r="B29" s="60"/>
      <c r="C29" s="28" t="s">
        <v>88</v>
      </c>
      <c r="D29" s="28"/>
      <c r="E29" s="28"/>
      <c r="F29" s="28"/>
      <c r="G29" s="28"/>
      <c r="H29" s="29"/>
      <c r="I29" s="14">
        <v>-22003381</v>
      </c>
      <c r="J29" s="66"/>
      <c r="L29" s="13"/>
    </row>
    <row r="30" spans="2:12" ht="22.5" customHeight="1" x14ac:dyDescent="0.15">
      <c r="B30" s="60"/>
      <c r="C30" s="28" t="s">
        <v>89</v>
      </c>
      <c r="D30" s="28"/>
      <c r="E30" s="28"/>
      <c r="F30" s="28"/>
      <c r="G30" s="28"/>
      <c r="H30" s="29"/>
      <c r="I30" s="14">
        <v>292829648</v>
      </c>
      <c r="J30" s="66"/>
      <c r="L30" s="13"/>
    </row>
    <row r="31" spans="2:12" ht="22.5" customHeight="1" x14ac:dyDescent="0.15">
      <c r="B31" s="60"/>
      <c r="C31" s="28" t="s">
        <v>90</v>
      </c>
      <c r="D31" s="28"/>
      <c r="E31" s="28"/>
      <c r="F31" s="28"/>
      <c r="G31" s="28"/>
      <c r="H31" s="29"/>
      <c r="I31" s="14">
        <v>936319</v>
      </c>
      <c r="J31" s="66"/>
      <c r="L31" s="13"/>
    </row>
    <row r="32" spans="2:12" ht="22.5" customHeight="1" x14ac:dyDescent="0.15">
      <c r="B32" s="60"/>
      <c r="C32" s="28" t="s">
        <v>91</v>
      </c>
      <c r="D32" s="28"/>
      <c r="E32" s="28"/>
      <c r="F32" s="28"/>
      <c r="G32" s="28"/>
      <c r="H32" s="29"/>
      <c r="I32" s="14">
        <v>81795219</v>
      </c>
      <c r="J32" s="66"/>
      <c r="L32" s="13"/>
    </row>
    <row r="33" spans="2:12" ht="22.5" customHeight="1" x14ac:dyDescent="0.15">
      <c r="B33" s="60"/>
      <c r="C33" s="28" t="s">
        <v>92</v>
      </c>
      <c r="D33" s="28"/>
      <c r="E33" s="28"/>
      <c r="F33" s="28"/>
      <c r="G33" s="28"/>
      <c r="H33" s="29"/>
      <c r="I33" s="14">
        <v>0</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50275885</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30511437550</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99797060</v>
      </c>
      <c r="J45" s="59"/>
      <c r="L45" s="13"/>
    </row>
    <row r="46" spans="2:12" ht="22.5" customHeight="1" x14ac:dyDescent="0.15">
      <c r="B46" s="60" t="s">
        <v>105</v>
      </c>
      <c r="C46" s="28"/>
      <c r="D46" s="28"/>
      <c r="E46" s="28"/>
      <c r="F46" s="28"/>
      <c r="G46" s="28"/>
      <c r="H46" s="29"/>
      <c r="I46" s="16">
        <v>1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10</v>
      </c>
      <c r="J50" s="66"/>
      <c r="L50" s="13"/>
    </row>
    <row r="51" spans="1:12" ht="22.5" customHeight="1" x14ac:dyDescent="0.15">
      <c r="B51" s="60" t="s">
        <v>110</v>
      </c>
      <c r="C51" s="28"/>
      <c r="D51" s="28"/>
      <c r="E51" s="28"/>
      <c r="F51" s="28"/>
      <c r="G51" s="28"/>
      <c r="H51" s="29"/>
      <c r="I51" s="14">
        <v>60649186</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60649186</v>
      </c>
      <c r="J57" s="66"/>
      <c r="L57" s="13"/>
    </row>
    <row r="58" spans="1:12" ht="22.5" customHeight="1" x14ac:dyDescent="0.15">
      <c r="B58" s="56" t="s">
        <v>115</v>
      </c>
      <c r="C58" s="57"/>
      <c r="D58" s="57"/>
      <c r="E58" s="57"/>
      <c r="F58" s="57"/>
      <c r="G58" s="57"/>
      <c r="H58" s="58"/>
      <c r="I58" s="48">
        <v>-60649176</v>
      </c>
      <c r="J58" s="59"/>
      <c r="L58" s="13"/>
    </row>
    <row r="59" spans="1:12" ht="22.5" customHeight="1" x14ac:dyDescent="0.15">
      <c r="A59" s="13"/>
      <c r="B59" s="56" t="s">
        <v>116</v>
      </c>
      <c r="C59" s="47"/>
      <c r="D59" s="47"/>
      <c r="E59" s="47"/>
      <c r="F59" s="47"/>
      <c r="G59" s="47"/>
      <c r="H59" s="47"/>
      <c r="I59" s="48">
        <v>39147884</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4">
    <mergeCell ref="A1:G1"/>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101" orientation="portrait" blackAndWhite="1" useFirstPageNumber="1" r:id="rId1"/>
  <headerFooter>
    <oddFooter>&amp;C&amp;"ＭＳ Ｐ明朝,標準"&amp;20&amp;P</oddFooter>
  </headerFooter>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60" zoomScaleSheetLayoutView="100" workbookViewId="0">
      <selection sqref="A1:I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33</v>
      </c>
      <c r="B1" s="275"/>
      <c r="C1" s="275"/>
      <c r="D1" s="275"/>
      <c r="E1" s="275"/>
      <c r="F1" s="275"/>
      <c r="G1" s="275"/>
      <c r="H1" s="275"/>
      <c r="I1" s="275"/>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1514158029</v>
      </c>
      <c r="K10" s="44">
        <v>0</v>
      </c>
      <c r="L10" s="44">
        <v>1514158029</v>
      </c>
      <c r="M10" s="13"/>
      <c r="N10" s="13"/>
    </row>
    <row r="11" spans="1:14" ht="50.1" customHeight="1" x14ac:dyDescent="0.15">
      <c r="A11" s="13"/>
      <c r="B11" s="13"/>
      <c r="C11" s="274" t="s">
        <v>325</v>
      </c>
      <c r="D11" s="274"/>
      <c r="E11" s="274"/>
      <c r="F11" s="274"/>
      <c r="G11" s="274"/>
      <c r="H11" s="274"/>
      <c r="I11" s="274"/>
      <c r="J11" s="44">
        <v>39147884</v>
      </c>
      <c r="K11" s="44">
        <v>0</v>
      </c>
      <c r="L11" s="44">
        <v>39147884</v>
      </c>
      <c r="M11" s="13"/>
      <c r="N11" s="13"/>
    </row>
    <row r="12" spans="1:14" ht="50.1" customHeight="1" x14ac:dyDescent="0.15">
      <c r="A12" s="13"/>
      <c r="B12" s="13"/>
      <c r="C12" s="274" t="s">
        <v>326</v>
      </c>
      <c r="D12" s="274"/>
      <c r="E12" s="274"/>
      <c r="F12" s="274"/>
      <c r="G12" s="274"/>
      <c r="H12" s="274"/>
      <c r="I12" s="274"/>
      <c r="J12" s="44">
        <v>1553305913</v>
      </c>
      <c r="K12" s="44">
        <v>0</v>
      </c>
      <c r="L12" s="44">
        <v>1553305913</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C5:L5"/>
    <mergeCell ref="C6:L6"/>
    <mergeCell ref="A1:I1"/>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102" orientation="portrait" blackAndWhite="1" useFirstPageNumber="1" r:id="rId1"/>
  <headerFooter>
    <oddFooter>&amp;C&amp;"ＭＳ Ｐ明朝,標準"&amp;20&amp;P</oddFooter>
  </headerFooter>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33</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111158875</v>
      </c>
      <c r="S9" s="12"/>
      <c r="T9" s="2"/>
    </row>
    <row r="10" spans="1:20" ht="22.5" customHeight="1" x14ac:dyDescent="0.15">
      <c r="A10" s="21"/>
      <c r="B10" s="13" t="s">
        <v>118</v>
      </c>
      <c r="C10" s="13"/>
      <c r="D10" s="13"/>
      <c r="E10" s="13"/>
      <c r="F10" s="13"/>
      <c r="G10" s="13"/>
      <c r="H10" s="14">
        <v>31461868368</v>
      </c>
      <c r="I10" s="54"/>
      <c r="J10" s="13"/>
      <c r="K10" s="21"/>
      <c r="L10" s="13"/>
      <c r="M10" s="13" t="s">
        <v>157</v>
      </c>
      <c r="N10" s="13"/>
      <c r="O10" s="13"/>
      <c r="P10" s="13"/>
      <c r="Q10" s="13"/>
      <c r="R10" s="14">
        <v>111158875</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0</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0</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23303969498</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1371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8145796131</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8145796131</v>
      </c>
      <c r="I21" s="54"/>
      <c r="J21" s="13"/>
      <c r="K21" s="45" t="s">
        <v>164</v>
      </c>
      <c r="L21" s="47"/>
      <c r="M21" s="47"/>
      <c r="N21" s="47"/>
      <c r="O21" s="47"/>
      <c r="P21" s="47"/>
      <c r="Q21" s="47"/>
      <c r="R21" s="48">
        <v>-111158875</v>
      </c>
      <c r="S21" s="52"/>
      <c r="T21" s="2"/>
    </row>
    <row r="22" spans="1:20" ht="22.5" customHeight="1" x14ac:dyDescent="0.15">
      <c r="A22" s="21"/>
      <c r="B22" s="13"/>
      <c r="C22" s="13"/>
      <c r="D22" s="13" t="s">
        <v>130</v>
      </c>
      <c r="E22" s="13"/>
      <c r="F22" s="13"/>
      <c r="G22" s="13"/>
      <c r="H22" s="14">
        <v>0</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0</v>
      </c>
      <c r="I23" s="54"/>
      <c r="J23" s="13"/>
      <c r="K23" s="21"/>
      <c r="L23" s="15" t="s">
        <v>166</v>
      </c>
      <c r="M23" s="13"/>
      <c r="N23" s="13"/>
      <c r="O23" s="13"/>
      <c r="P23" s="13"/>
      <c r="Q23" s="13"/>
      <c r="R23" s="14">
        <v>0</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0</v>
      </c>
      <c r="S24" s="54"/>
      <c r="T24" s="2"/>
    </row>
    <row r="25" spans="1:20" ht="22.5" customHeight="1" x14ac:dyDescent="0.15">
      <c r="A25" s="21"/>
      <c r="B25" s="247"/>
      <c r="C25" s="247" t="s">
        <v>132</v>
      </c>
      <c r="D25" s="247"/>
      <c r="E25" s="247"/>
      <c r="F25" s="13"/>
      <c r="G25" s="13"/>
      <c r="H25" s="14">
        <v>0</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12089029</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31350763956</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487724236</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292829648</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936319</v>
      </c>
      <c r="I30" s="54"/>
      <c r="J30" s="13"/>
      <c r="K30" s="21"/>
      <c r="L30" s="13"/>
      <c r="M30" s="13" t="s">
        <v>169</v>
      </c>
      <c r="N30" s="13"/>
      <c r="O30" s="13"/>
      <c r="P30" s="13"/>
      <c r="Q30" s="13"/>
      <c r="R30" s="14">
        <v>0</v>
      </c>
      <c r="S30" s="54"/>
      <c r="T30" s="2"/>
    </row>
    <row r="31" spans="1:20" ht="22.5" customHeight="1" x14ac:dyDescent="0.15">
      <c r="A31" s="21"/>
      <c r="B31" s="13"/>
      <c r="C31" s="13" t="s">
        <v>138</v>
      </c>
      <c r="D31" s="13"/>
      <c r="E31" s="13"/>
      <c r="F31" s="13"/>
      <c r="G31" s="13"/>
      <c r="H31" s="14">
        <v>0</v>
      </c>
      <c r="I31" s="54"/>
      <c r="J31" s="13"/>
      <c r="K31" s="21"/>
      <c r="L31" s="13" t="s">
        <v>170</v>
      </c>
      <c r="M31" s="13"/>
      <c r="N31" s="13"/>
      <c r="O31" s="13"/>
      <c r="P31" s="13"/>
      <c r="Q31" s="13"/>
      <c r="R31" s="14">
        <v>2545624</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0</v>
      </c>
      <c r="S32" s="54"/>
      <c r="T32" s="2"/>
    </row>
    <row r="33" spans="1:20" ht="22.5" customHeight="1" x14ac:dyDescent="0.15">
      <c r="A33" s="21"/>
      <c r="B33" s="13"/>
      <c r="C33" s="13" t="s">
        <v>140</v>
      </c>
      <c r="D33" s="13"/>
      <c r="E33" s="13"/>
      <c r="F33" s="13"/>
      <c r="G33" s="13"/>
      <c r="H33" s="14">
        <v>30569273753</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2545624</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111104412</v>
      </c>
      <c r="I39" s="52"/>
      <c r="J39" s="13"/>
      <c r="K39" s="21"/>
      <c r="L39" s="13"/>
      <c r="M39" s="13" t="s">
        <v>174</v>
      </c>
      <c r="N39" s="13"/>
      <c r="O39" s="13"/>
      <c r="P39" s="13"/>
      <c r="Q39" s="13"/>
      <c r="R39" s="14">
        <v>0</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2545624</v>
      </c>
      <c r="S40" s="52"/>
      <c r="T40" s="2"/>
    </row>
    <row r="41" spans="1:20" ht="22.5" customHeight="1" x14ac:dyDescent="0.15">
      <c r="A41" s="21"/>
      <c r="B41" s="13" t="s">
        <v>148</v>
      </c>
      <c r="C41" s="13"/>
      <c r="D41" s="13"/>
      <c r="E41" s="13"/>
      <c r="F41" s="13"/>
      <c r="G41" s="13"/>
      <c r="H41" s="14">
        <v>0</v>
      </c>
      <c r="I41" s="54"/>
      <c r="J41" s="13"/>
      <c r="K41" s="45" t="s">
        <v>176</v>
      </c>
      <c r="L41" s="47"/>
      <c r="M41" s="47"/>
      <c r="N41" s="47"/>
      <c r="O41" s="47"/>
      <c r="P41" s="47"/>
      <c r="Q41" s="47"/>
      <c r="R41" s="48">
        <v>-2600087</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1468012993</v>
      </c>
      <c r="S42" s="52"/>
      <c r="T42" s="2"/>
    </row>
    <row r="43" spans="1:20" ht="22.5" customHeight="1" x14ac:dyDescent="0.15">
      <c r="A43" s="21"/>
      <c r="B43" s="13"/>
      <c r="C43" s="13" t="s">
        <v>150</v>
      </c>
      <c r="D43" s="13"/>
      <c r="E43" s="13"/>
      <c r="F43" s="13"/>
      <c r="G43" s="13"/>
      <c r="H43" s="14">
        <v>0</v>
      </c>
      <c r="I43" s="54"/>
      <c r="J43" s="13"/>
      <c r="K43" s="45" t="s">
        <v>178</v>
      </c>
      <c r="L43" s="47"/>
      <c r="M43" s="47"/>
      <c r="N43" s="47"/>
      <c r="O43" s="47"/>
      <c r="P43" s="47"/>
      <c r="Q43" s="47"/>
      <c r="R43" s="48">
        <v>1465412906</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0</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103" orientation="portrait" blackAndWhite="1" useFirstPageNumber="1" r:id="rId1"/>
  <headerFooter>
    <oddFooter>&amp;C&amp;"ＭＳ Ｐ明朝,標準"&amp;20&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7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398</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86</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24"/>
      <c r="O7" s="124"/>
      <c r="P7" s="124"/>
      <c r="Q7" s="35"/>
      <c r="R7" s="34"/>
      <c r="S7" s="34"/>
      <c r="T7" s="2"/>
    </row>
    <row r="8" spans="1:20" ht="22.5" customHeight="1" x14ac:dyDescent="0.15">
      <c r="A8" s="269"/>
      <c r="B8" s="269"/>
      <c r="C8" s="269"/>
      <c r="D8" s="36"/>
      <c r="E8" s="36"/>
      <c r="F8" s="36"/>
      <c r="G8" s="2"/>
      <c r="H8" s="6"/>
      <c r="I8" s="6" t="s">
        <v>387</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154726752516</v>
      </c>
      <c r="S9" s="12"/>
      <c r="T9" s="2"/>
    </row>
    <row r="10" spans="1:20" ht="22.5" customHeight="1" x14ac:dyDescent="0.15">
      <c r="A10" s="21"/>
      <c r="B10" s="13" t="s">
        <v>118</v>
      </c>
      <c r="C10" s="13"/>
      <c r="D10" s="13"/>
      <c r="E10" s="13"/>
      <c r="F10" s="13"/>
      <c r="G10" s="13"/>
      <c r="H10" s="14">
        <v>1576813611243</v>
      </c>
      <c r="I10" s="54"/>
      <c r="J10" s="13"/>
      <c r="K10" s="21"/>
      <c r="L10" s="13"/>
      <c r="M10" s="13" t="s">
        <v>157</v>
      </c>
      <c r="N10" s="13"/>
      <c r="O10" s="13"/>
      <c r="P10" s="13"/>
      <c r="Q10" s="13"/>
      <c r="R10" s="14">
        <v>65322428895</v>
      </c>
      <c r="S10" s="54"/>
      <c r="T10" s="2"/>
    </row>
    <row r="11" spans="1:20" ht="22.5" customHeight="1" x14ac:dyDescent="0.15">
      <c r="A11" s="21"/>
      <c r="B11" s="13"/>
      <c r="C11" s="13" t="s">
        <v>119</v>
      </c>
      <c r="D11" s="13"/>
      <c r="E11" s="13"/>
      <c r="F11" s="13"/>
      <c r="G11" s="13"/>
      <c r="H11" s="14">
        <v>776114081140</v>
      </c>
      <c r="I11" s="54"/>
      <c r="J11" s="13"/>
      <c r="K11" s="21"/>
      <c r="L11" s="13"/>
      <c r="M11" s="13" t="s">
        <v>158</v>
      </c>
      <c r="N11" s="13"/>
      <c r="O11" s="13"/>
      <c r="P11" s="13"/>
      <c r="Q11" s="13"/>
      <c r="R11" s="14">
        <v>78233577123</v>
      </c>
      <c r="S11" s="54"/>
      <c r="T11" s="2"/>
    </row>
    <row r="12" spans="1:20" ht="22.5" customHeight="1" x14ac:dyDescent="0.15">
      <c r="A12" s="21"/>
      <c r="B12" s="13"/>
      <c r="C12" s="13" t="s">
        <v>120</v>
      </c>
      <c r="D12" s="13"/>
      <c r="E12" s="13"/>
      <c r="F12" s="13"/>
      <c r="G12" s="13"/>
      <c r="H12" s="14">
        <v>5916715460</v>
      </c>
      <c r="I12" s="54"/>
      <c r="J12" s="13"/>
      <c r="K12" s="21"/>
      <c r="L12" s="13"/>
      <c r="M12" s="13"/>
      <c r="N12" s="13" t="s">
        <v>159</v>
      </c>
      <c r="O12" s="13"/>
      <c r="P12" s="13"/>
      <c r="Q12" s="13"/>
      <c r="R12" s="14">
        <v>1560891089</v>
      </c>
      <c r="S12" s="54"/>
      <c r="T12" s="2"/>
    </row>
    <row r="13" spans="1:20" ht="22.5" customHeight="1" x14ac:dyDescent="0.15">
      <c r="A13" s="21"/>
      <c r="B13" s="13"/>
      <c r="C13" s="13" t="s">
        <v>121</v>
      </c>
      <c r="D13" s="13"/>
      <c r="E13" s="13"/>
      <c r="F13" s="13"/>
      <c r="G13" s="13"/>
      <c r="H13" s="14">
        <v>76383304678</v>
      </c>
      <c r="I13" s="54"/>
      <c r="J13" s="13"/>
      <c r="K13" s="21"/>
      <c r="L13" s="13"/>
      <c r="M13" s="13"/>
      <c r="N13" s="13" t="s">
        <v>160</v>
      </c>
      <c r="O13" s="13"/>
      <c r="P13" s="13"/>
      <c r="Q13" s="13"/>
      <c r="R13" s="14">
        <v>76672686034</v>
      </c>
      <c r="S13" s="54"/>
      <c r="T13" s="2"/>
    </row>
    <row r="14" spans="1:20" ht="22.5" customHeight="1" x14ac:dyDescent="0.15">
      <c r="A14" s="21"/>
      <c r="B14" s="13"/>
      <c r="C14" s="13" t="s">
        <v>122</v>
      </c>
      <c r="D14" s="13"/>
      <c r="E14" s="13"/>
      <c r="F14" s="13"/>
      <c r="G14" s="13"/>
      <c r="H14" s="14">
        <v>6000419000</v>
      </c>
      <c r="I14" s="54"/>
      <c r="J14" s="13"/>
      <c r="K14" s="21"/>
      <c r="L14" s="13"/>
      <c r="M14" s="13" t="s">
        <v>161</v>
      </c>
      <c r="N14" s="13"/>
      <c r="O14" s="13"/>
      <c r="P14" s="13"/>
      <c r="Q14" s="13"/>
      <c r="R14" s="14">
        <v>1860062216</v>
      </c>
      <c r="S14" s="54"/>
      <c r="T14" s="2"/>
    </row>
    <row r="15" spans="1:20" ht="22.5" customHeight="1" x14ac:dyDescent="0.15">
      <c r="A15" s="21"/>
      <c r="B15" s="13"/>
      <c r="C15" s="13" t="s">
        <v>123</v>
      </c>
      <c r="D15" s="13"/>
      <c r="E15" s="13"/>
      <c r="F15" s="13"/>
      <c r="G15" s="13"/>
      <c r="H15" s="14">
        <v>44514032000</v>
      </c>
      <c r="I15" s="54"/>
      <c r="J15" s="13"/>
      <c r="K15" s="21"/>
      <c r="L15" s="13"/>
      <c r="M15" s="13" t="s">
        <v>162</v>
      </c>
      <c r="N15" s="13"/>
      <c r="O15" s="13"/>
      <c r="P15" s="13"/>
      <c r="Q15" s="13"/>
      <c r="R15" s="14">
        <v>9272481282</v>
      </c>
      <c r="S15" s="54"/>
      <c r="T15" s="2"/>
    </row>
    <row r="16" spans="1:20" ht="22.5" customHeight="1" x14ac:dyDescent="0.15">
      <c r="A16" s="21"/>
      <c r="B16" s="13"/>
      <c r="C16" s="13" t="s">
        <v>124</v>
      </c>
      <c r="D16" s="13"/>
      <c r="E16" s="13"/>
      <c r="F16" s="13"/>
      <c r="G16" s="13"/>
      <c r="H16" s="14">
        <v>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4933787297</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69991419049</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499482327658</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5059911352</v>
      </c>
      <c r="I20" s="54"/>
      <c r="J20" s="13"/>
      <c r="K20" s="21"/>
      <c r="L20" s="13"/>
      <c r="M20" s="13" t="s">
        <v>163</v>
      </c>
      <c r="N20" s="13"/>
      <c r="O20" s="13"/>
      <c r="P20" s="13"/>
      <c r="Q20" s="13"/>
      <c r="R20" s="14">
        <v>38203000</v>
      </c>
      <c r="S20" s="54"/>
      <c r="T20" s="2"/>
    </row>
    <row r="21" spans="1:20" ht="22.5" customHeight="1" x14ac:dyDescent="0.15">
      <c r="A21" s="21"/>
      <c r="B21" s="13"/>
      <c r="C21" s="13"/>
      <c r="D21" s="13" t="s">
        <v>129</v>
      </c>
      <c r="E21" s="13"/>
      <c r="F21" s="13"/>
      <c r="G21" s="13"/>
      <c r="H21" s="14">
        <v>0</v>
      </c>
      <c r="I21" s="54"/>
      <c r="J21" s="13"/>
      <c r="K21" s="45" t="s">
        <v>164</v>
      </c>
      <c r="L21" s="47"/>
      <c r="M21" s="47"/>
      <c r="N21" s="47"/>
      <c r="O21" s="47"/>
      <c r="P21" s="47"/>
      <c r="Q21" s="47"/>
      <c r="R21" s="48">
        <v>-63226485656</v>
      </c>
      <c r="S21" s="52"/>
      <c r="T21" s="2"/>
    </row>
    <row r="22" spans="1:20" ht="22.5" customHeight="1" x14ac:dyDescent="0.15">
      <c r="A22" s="21"/>
      <c r="B22" s="13"/>
      <c r="C22" s="13"/>
      <c r="D22" s="13" t="s">
        <v>130</v>
      </c>
      <c r="E22" s="13"/>
      <c r="F22" s="13"/>
      <c r="G22" s="13"/>
      <c r="H22" s="14">
        <v>1690417352</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3369494000</v>
      </c>
      <c r="I23" s="54"/>
      <c r="J23" s="13"/>
      <c r="K23" s="21"/>
      <c r="L23" s="15" t="s">
        <v>166</v>
      </c>
      <c r="M23" s="13"/>
      <c r="N23" s="13"/>
      <c r="O23" s="13"/>
      <c r="P23" s="13"/>
      <c r="Q23" s="13"/>
      <c r="R23" s="14">
        <v>495271362186</v>
      </c>
      <c r="S23" s="54"/>
      <c r="T23" s="2"/>
    </row>
    <row r="24" spans="1:20" ht="22.5" customHeight="1" x14ac:dyDescent="0.15">
      <c r="A24" s="21"/>
      <c r="B24" s="13"/>
      <c r="C24" s="13" t="s">
        <v>82</v>
      </c>
      <c r="D24" s="13"/>
      <c r="E24" s="13"/>
      <c r="F24" s="13"/>
      <c r="G24" s="13"/>
      <c r="H24" s="14">
        <v>17850416</v>
      </c>
      <c r="I24" s="54"/>
      <c r="J24" s="13"/>
      <c r="K24" s="21"/>
      <c r="L24" s="13"/>
      <c r="M24" s="13" t="s">
        <v>167</v>
      </c>
      <c r="N24" s="13"/>
      <c r="O24" s="13"/>
      <c r="P24" s="13"/>
      <c r="Q24" s="13"/>
      <c r="R24" s="14">
        <v>100265273000</v>
      </c>
      <c r="S24" s="54"/>
      <c r="T24" s="2"/>
    </row>
    <row r="25" spans="1:20" ht="22.5" customHeight="1" x14ac:dyDescent="0.15">
      <c r="A25" s="21"/>
      <c r="B25" s="247"/>
      <c r="C25" s="247" t="s">
        <v>132</v>
      </c>
      <c r="D25" s="247"/>
      <c r="E25" s="247"/>
      <c r="F25" s="13"/>
      <c r="G25" s="13"/>
      <c r="H25" s="14">
        <v>12489921013</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75909842180</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1354199748008</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309558755422</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136354119495</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54040427678</v>
      </c>
      <c r="I30" s="54"/>
      <c r="J30" s="13"/>
      <c r="K30" s="21"/>
      <c r="L30" s="13"/>
      <c r="M30" s="13" t="s">
        <v>169</v>
      </c>
      <c r="N30" s="13"/>
      <c r="O30" s="13"/>
      <c r="P30" s="13"/>
      <c r="Q30" s="13"/>
      <c r="R30" s="14">
        <v>395006089186</v>
      </c>
      <c r="S30" s="54"/>
      <c r="T30" s="2"/>
    </row>
    <row r="31" spans="1:20" ht="22.5" customHeight="1" x14ac:dyDescent="0.15">
      <c r="A31" s="21"/>
      <c r="B31" s="13"/>
      <c r="C31" s="13" t="s">
        <v>138</v>
      </c>
      <c r="D31" s="13"/>
      <c r="E31" s="13"/>
      <c r="F31" s="13"/>
      <c r="G31" s="13"/>
      <c r="H31" s="14">
        <v>18939373430</v>
      </c>
      <c r="I31" s="54"/>
      <c r="J31" s="13"/>
      <c r="K31" s="21"/>
      <c r="L31" s="13" t="s">
        <v>170</v>
      </c>
      <c r="M31" s="13"/>
      <c r="N31" s="13"/>
      <c r="O31" s="13"/>
      <c r="P31" s="13"/>
      <c r="Q31" s="13"/>
      <c r="R31" s="14">
        <v>648118161246</v>
      </c>
      <c r="S31" s="54"/>
      <c r="T31" s="2"/>
    </row>
    <row r="32" spans="1:20" ht="22.5" customHeight="1" x14ac:dyDescent="0.15">
      <c r="A32" s="21"/>
      <c r="B32" s="13"/>
      <c r="C32" s="13" t="s">
        <v>139</v>
      </c>
      <c r="D32" s="13"/>
      <c r="E32" s="13"/>
      <c r="F32" s="13"/>
      <c r="G32" s="13"/>
      <c r="H32" s="14">
        <v>567722023483</v>
      </c>
      <c r="I32" s="54"/>
      <c r="J32" s="13"/>
      <c r="K32" s="21"/>
      <c r="L32" s="13"/>
      <c r="M32" s="13" t="s">
        <v>171</v>
      </c>
      <c r="N32" s="13"/>
      <c r="O32" s="13"/>
      <c r="P32" s="13"/>
      <c r="Q32" s="13"/>
      <c r="R32" s="14">
        <v>249420144374</v>
      </c>
      <c r="S32" s="54"/>
      <c r="T32" s="2"/>
    </row>
    <row r="33" spans="1:20" ht="22.5" customHeight="1" x14ac:dyDescent="0.15">
      <c r="A33" s="21"/>
      <c r="B33" s="13"/>
      <c r="C33" s="13" t="s">
        <v>140</v>
      </c>
      <c r="D33" s="13"/>
      <c r="E33" s="13"/>
      <c r="F33" s="13"/>
      <c r="G33" s="13"/>
      <c r="H33" s="14">
        <v>138684035593</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118679591933</v>
      </c>
      <c r="I34" s="54"/>
      <c r="J34" s="13"/>
      <c r="K34" s="21"/>
      <c r="L34" s="13"/>
      <c r="M34" s="13" t="s">
        <v>173</v>
      </c>
      <c r="N34" s="13"/>
      <c r="O34" s="13"/>
      <c r="P34" s="13"/>
      <c r="Q34" s="13"/>
      <c r="R34" s="14">
        <v>1935644535</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92280963321</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26398628612</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10221420974</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222613863235</v>
      </c>
      <c r="I39" s="52"/>
      <c r="J39" s="13"/>
      <c r="K39" s="21"/>
      <c r="L39" s="13"/>
      <c r="M39" s="13" t="s">
        <v>174</v>
      </c>
      <c r="N39" s="13"/>
      <c r="O39" s="13"/>
      <c r="P39" s="13"/>
      <c r="Q39" s="13"/>
      <c r="R39" s="14">
        <v>396762372337</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152846799060</v>
      </c>
      <c r="S40" s="52"/>
      <c r="T40" s="2"/>
    </row>
    <row r="41" spans="1:20" ht="22.5" customHeight="1" x14ac:dyDescent="0.15">
      <c r="A41" s="21"/>
      <c r="B41" s="13" t="s">
        <v>148</v>
      </c>
      <c r="C41" s="13"/>
      <c r="D41" s="13"/>
      <c r="E41" s="13"/>
      <c r="F41" s="13"/>
      <c r="G41" s="13"/>
      <c r="H41" s="14">
        <v>91500266860</v>
      </c>
      <c r="I41" s="54"/>
      <c r="J41" s="13"/>
      <c r="K41" s="45" t="s">
        <v>176</v>
      </c>
      <c r="L41" s="47"/>
      <c r="M41" s="47"/>
      <c r="N41" s="47"/>
      <c r="O41" s="47"/>
      <c r="P41" s="47"/>
      <c r="Q41" s="47"/>
      <c r="R41" s="48">
        <v>6540578519</v>
      </c>
      <c r="S41" s="52"/>
      <c r="T41" s="2"/>
    </row>
    <row r="42" spans="1:20" ht="22.5" customHeight="1" x14ac:dyDescent="0.15">
      <c r="A42" s="21"/>
      <c r="B42" s="13"/>
      <c r="C42" s="13" t="s">
        <v>149</v>
      </c>
      <c r="D42" s="13"/>
      <c r="E42" s="13"/>
      <c r="F42" s="13"/>
      <c r="G42" s="13"/>
      <c r="H42" s="14">
        <v>6740049095</v>
      </c>
      <c r="I42" s="54"/>
      <c r="J42" s="13"/>
      <c r="K42" s="45" t="s">
        <v>177</v>
      </c>
      <c r="L42" s="47"/>
      <c r="M42" s="47"/>
      <c r="N42" s="47"/>
      <c r="O42" s="47"/>
      <c r="P42" s="47"/>
      <c r="Q42" s="47"/>
      <c r="R42" s="48">
        <v>52021413956</v>
      </c>
      <c r="S42" s="52"/>
      <c r="T42" s="2"/>
    </row>
    <row r="43" spans="1:20" ht="22.5" customHeight="1" x14ac:dyDescent="0.15">
      <c r="A43" s="21"/>
      <c r="B43" s="13"/>
      <c r="C43" s="13" t="s">
        <v>150</v>
      </c>
      <c r="D43" s="13"/>
      <c r="E43" s="13"/>
      <c r="F43" s="13"/>
      <c r="G43" s="13"/>
      <c r="H43" s="14">
        <v>78032468760</v>
      </c>
      <c r="I43" s="54"/>
      <c r="J43" s="13"/>
      <c r="K43" s="45" t="s">
        <v>178</v>
      </c>
      <c r="L43" s="47"/>
      <c r="M43" s="47"/>
      <c r="N43" s="47"/>
      <c r="O43" s="47"/>
      <c r="P43" s="47"/>
      <c r="Q43" s="47"/>
      <c r="R43" s="48">
        <v>58561992475</v>
      </c>
      <c r="S43" s="52"/>
      <c r="T43" s="2"/>
    </row>
    <row r="44" spans="1:20" ht="22.5" customHeight="1" x14ac:dyDescent="0.15">
      <c r="A44" s="21"/>
      <c r="B44" s="13"/>
      <c r="C44" s="13"/>
      <c r="D44" s="13" t="s">
        <v>151</v>
      </c>
      <c r="E44" s="13"/>
      <c r="F44" s="13"/>
      <c r="G44" s="13"/>
      <c r="H44" s="14">
        <v>386243053</v>
      </c>
      <c r="I44" s="54"/>
      <c r="J44" s="13"/>
      <c r="K44"/>
      <c r="L44"/>
      <c r="M44"/>
      <c r="N44"/>
      <c r="O44"/>
      <c r="P44"/>
      <c r="Q44"/>
      <c r="R44"/>
      <c r="S44"/>
      <c r="T44" s="2"/>
    </row>
    <row r="45" spans="1:20" ht="22.5" customHeight="1" x14ac:dyDescent="0.15">
      <c r="A45" s="21"/>
      <c r="B45" s="13"/>
      <c r="C45" s="13"/>
      <c r="D45" s="13" t="s">
        <v>152</v>
      </c>
      <c r="E45" s="13"/>
      <c r="F45" s="13"/>
      <c r="G45" s="13"/>
      <c r="H45" s="14">
        <v>77646225707</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6716103871</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959912</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10685222</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K7:M7"/>
    <mergeCell ref="A8:C8"/>
    <mergeCell ref="A5:S5"/>
    <mergeCell ref="A6:S6"/>
    <mergeCell ref="A1:G1"/>
  </mergeCells>
  <phoneticPr fontId="24"/>
  <printOptions horizontalCentered="1"/>
  <pageMargins left="0.19685039370078741" right="0.19685039370078741" top="0.31496062992125984" bottom="0.19685039370078741" header="0.11811023622047245" footer="0.11811023622047245"/>
  <pageSetup paperSize="9" scale="58" firstPageNumber="5" orientation="portrait" blackAndWhite="1" useFirstPageNumber="1" r:id="rId1"/>
  <headerFooter>
    <oddFooter>&amp;C&amp;"ＭＳ Ｐ明朝,標準"&amp;20&amp;P</oddFooter>
  </headerFooter>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70"/>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33</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customHeight="1" x14ac:dyDescent="0.15">
      <c r="B26" s="168"/>
      <c r="C26" s="217" t="s">
        <v>544</v>
      </c>
      <c r="D26" s="217"/>
      <c r="E26" s="217"/>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x14ac:dyDescent="0.15">
      <c r="B30" s="168"/>
      <c r="C30" s="351" t="s">
        <v>551</v>
      </c>
      <c r="D30" s="352"/>
      <c r="E30" s="352"/>
      <c r="F30" s="352"/>
    </row>
    <row r="31" spans="2:6" s="172" customFormat="1" ht="20.25" x14ac:dyDescent="0.15">
      <c r="B31" s="168"/>
      <c r="C31" s="352"/>
      <c r="D31" s="352"/>
      <c r="E31" s="352"/>
      <c r="F31" s="352"/>
    </row>
    <row r="32" spans="2:6" s="172" customFormat="1" ht="20.25" x14ac:dyDescent="0.15">
      <c r="B32" s="168"/>
      <c r="C32" s="352"/>
      <c r="D32" s="352"/>
      <c r="E32" s="352"/>
      <c r="F32" s="352"/>
    </row>
    <row r="33" spans="2:6" s="172" customFormat="1" ht="20.25" x14ac:dyDescent="0.15">
      <c r="B33" s="168"/>
      <c r="C33" s="352"/>
      <c r="D33" s="352"/>
      <c r="E33" s="352"/>
      <c r="F33" s="352"/>
    </row>
    <row r="34" spans="2:6" s="172" customFormat="1" ht="20.25" x14ac:dyDescent="0.15">
      <c r="B34" s="168"/>
    </row>
    <row r="35" spans="2:6" s="172" customFormat="1" ht="20.25" x14ac:dyDescent="0.15">
      <c r="B35" s="168" t="s">
        <v>376</v>
      </c>
    </row>
    <row r="36" spans="2:6" s="172" customFormat="1" ht="20.25" customHeight="1" x14ac:dyDescent="0.15">
      <c r="B36" s="168"/>
      <c r="C36" s="217"/>
      <c r="D36" s="217"/>
      <c r="E36" s="217"/>
    </row>
    <row r="37" spans="2:6" s="172" customFormat="1" ht="20.25" x14ac:dyDescent="0.15">
      <c r="B37" s="168"/>
      <c r="C37" s="217" t="s">
        <v>545</v>
      </c>
      <c r="D37" s="217"/>
      <c r="E37" s="217"/>
    </row>
    <row r="38" spans="2:6" s="172" customFormat="1" ht="37.5" customHeight="1" x14ac:dyDescent="0.15">
      <c r="B38" s="168"/>
      <c r="C38" s="228"/>
      <c r="D38" s="224"/>
      <c r="E38" s="222"/>
    </row>
    <row r="39" spans="2:6" s="172" customFormat="1" ht="37.5" customHeight="1" x14ac:dyDescent="0.15">
      <c r="B39" s="168"/>
      <c r="C39" s="228"/>
      <c r="D39" s="229"/>
      <c r="E39" s="222"/>
    </row>
    <row r="40" spans="2:6" s="172" customFormat="1" ht="37.5" customHeight="1" x14ac:dyDescent="0.15">
      <c r="B40" s="168"/>
      <c r="C40" s="228"/>
      <c r="D40" s="225"/>
      <c r="E40" s="222"/>
    </row>
    <row r="41" spans="2:6" s="172" customFormat="1" ht="37.5" customHeight="1" x14ac:dyDescent="0.15">
      <c r="B41" s="168"/>
      <c r="C41" s="224"/>
      <c r="D41" s="225"/>
      <c r="E41" s="222"/>
    </row>
    <row r="42" spans="2:6" s="172" customFormat="1" ht="20.25" x14ac:dyDescent="0.15">
      <c r="B42" s="168"/>
      <c r="C42" s="177"/>
      <c r="D42" s="177"/>
    </row>
    <row r="43" spans="2:6" s="172" customFormat="1" ht="20.25" x14ac:dyDescent="0.15">
      <c r="B43" s="168"/>
    </row>
    <row r="44" spans="2:6" s="172" customFormat="1" ht="20.25" customHeight="1" x14ac:dyDescent="0.15">
      <c r="B44" s="168"/>
      <c r="C44" s="217"/>
      <c r="D44" s="217"/>
      <c r="E44" s="217"/>
    </row>
    <row r="45" spans="2:6" s="172" customFormat="1" ht="20.25" x14ac:dyDescent="0.15">
      <c r="B45" s="168"/>
      <c r="C45" s="227"/>
      <c r="D45" s="227"/>
      <c r="E45" s="227"/>
      <c r="F45" s="222"/>
    </row>
    <row r="46" spans="2:6" s="172" customFormat="1" ht="20.25" customHeight="1" x14ac:dyDescent="0.15">
      <c r="B46" s="168"/>
      <c r="C46" s="227"/>
      <c r="D46" s="227"/>
      <c r="E46" s="227"/>
      <c r="F46" s="222"/>
    </row>
    <row r="47" spans="2:6" s="172" customFormat="1" ht="20.25" x14ac:dyDescent="0.15">
      <c r="B47" s="168"/>
      <c r="C47" s="222"/>
      <c r="D47" s="222"/>
      <c r="E47" s="222"/>
      <c r="F47" s="222"/>
    </row>
    <row r="48" spans="2:6" s="172" customFormat="1" ht="20.25" x14ac:dyDescent="0.15">
      <c r="B48" s="168"/>
      <c r="C48" s="222"/>
      <c r="D48" s="222"/>
      <c r="E48" s="223"/>
      <c r="F48" s="222"/>
    </row>
    <row r="49" spans="2:6" s="172" customFormat="1" ht="20.25" x14ac:dyDescent="0.15">
      <c r="B49" s="168"/>
      <c r="C49" s="224"/>
      <c r="D49" s="224"/>
      <c r="E49" s="224"/>
      <c r="F49" s="222"/>
    </row>
    <row r="50" spans="2:6" s="172" customFormat="1" ht="93" customHeight="1" x14ac:dyDescent="0.15">
      <c r="B50" s="168"/>
      <c r="C50" s="224"/>
      <c r="D50" s="225"/>
      <c r="E50" s="226"/>
      <c r="F50" s="222"/>
    </row>
    <row r="51" spans="2:6" s="172" customFormat="1" ht="20.25" customHeight="1" x14ac:dyDescent="0.15">
      <c r="B51" s="168"/>
      <c r="C51" s="222"/>
      <c r="D51" s="222"/>
      <c r="E51" s="222"/>
      <c r="F51" s="222"/>
    </row>
    <row r="52" spans="2:6" s="172" customFormat="1" ht="20.25" x14ac:dyDescent="0.15">
      <c r="B52" s="168"/>
      <c r="C52" s="177"/>
      <c r="D52" s="177"/>
      <c r="E52" s="177"/>
      <c r="F52" s="222"/>
    </row>
    <row r="53" spans="2:6" s="172" customFormat="1" ht="20.25" customHeight="1" x14ac:dyDescent="0.15">
      <c r="B53" s="168"/>
      <c r="C53" s="350"/>
      <c r="D53" s="350"/>
      <c r="E53" s="350"/>
      <c r="F53" s="222"/>
    </row>
    <row r="54" spans="2:6" s="172" customFormat="1" ht="20.25" customHeight="1" x14ac:dyDescent="0.15">
      <c r="B54" s="168"/>
      <c r="C54" s="350"/>
      <c r="D54" s="350"/>
      <c r="E54" s="350"/>
      <c r="F54" s="222"/>
    </row>
    <row r="55" spans="2:6" s="172" customFormat="1" ht="20.25" customHeight="1" x14ac:dyDescent="0.15">
      <c r="B55" s="168"/>
      <c r="C55" s="349"/>
      <c r="D55" s="349"/>
      <c r="E55" s="349"/>
      <c r="F55" s="222"/>
    </row>
    <row r="56" spans="2:6" s="172" customFormat="1" ht="20.25" customHeight="1" x14ac:dyDescent="0.15">
      <c r="B56" s="168"/>
      <c r="C56" s="227"/>
      <c r="D56" s="227"/>
      <c r="E56" s="227"/>
      <c r="F56" s="222"/>
    </row>
    <row r="57" spans="2:6" s="172" customFormat="1" ht="20.25" customHeight="1" x14ac:dyDescent="0.15">
      <c r="B57" s="181"/>
      <c r="C57" s="350"/>
      <c r="D57" s="350"/>
      <c r="E57" s="350"/>
      <c r="F57" s="222"/>
    </row>
    <row r="58" spans="2:6" s="172" customFormat="1" ht="20.25" customHeight="1" x14ac:dyDescent="0.15">
      <c r="B58" s="168"/>
      <c r="C58" s="350"/>
      <c r="D58" s="350"/>
      <c r="E58" s="350"/>
      <c r="F58" s="222"/>
    </row>
    <row r="59" spans="2:6" s="172" customFormat="1" ht="20.25" customHeight="1" x14ac:dyDescent="0.15">
      <c r="B59" s="168"/>
      <c r="C59" s="350"/>
      <c r="D59" s="350"/>
      <c r="E59" s="350"/>
      <c r="F59" s="222"/>
    </row>
    <row r="60" spans="2:6" s="172" customFormat="1" ht="20.25" customHeight="1" x14ac:dyDescent="0.15">
      <c r="B60" s="168"/>
      <c r="C60" s="350"/>
      <c r="D60" s="350"/>
      <c r="E60" s="350"/>
      <c r="F60" s="222"/>
    </row>
    <row r="61" spans="2:6" s="172" customFormat="1" ht="20.25" customHeight="1" x14ac:dyDescent="0.15">
      <c r="B61" s="168"/>
      <c r="C61" s="282"/>
      <c r="D61" s="282"/>
      <c r="E61" s="282"/>
    </row>
    <row r="62" spans="2:6" s="172" customFormat="1" ht="20.25" customHeight="1" x14ac:dyDescent="0.15">
      <c r="B62" s="168"/>
      <c r="C62" s="283"/>
      <c r="D62" s="283"/>
      <c r="E62" s="217"/>
    </row>
    <row r="63" spans="2:6" s="172" customFormat="1" ht="20.25" customHeight="1" x14ac:dyDescent="0.15">
      <c r="B63" s="181"/>
      <c r="C63" s="281"/>
      <c r="D63" s="281"/>
      <c r="E63" s="281"/>
    </row>
    <row r="64" spans="2:6" s="172" customFormat="1" ht="20.25" customHeight="1" x14ac:dyDescent="0.15">
      <c r="B64" s="168"/>
      <c r="C64" s="281"/>
      <c r="D64" s="281"/>
      <c r="E64" s="281"/>
    </row>
    <row r="65" spans="2:5" s="172" customFormat="1" ht="20.25" customHeight="1" x14ac:dyDescent="0.15">
      <c r="B65" s="168"/>
      <c r="C65" s="217"/>
      <c r="D65" s="217"/>
      <c r="E65" s="217"/>
    </row>
    <row r="66" spans="2:5" s="172" customFormat="1" ht="20.25" customHeight="1" x14ac:dyDescent="0.15">
      <c r="B66" s="168"/>
      <c r="C66" s="217"/>
      <c r="D66" s="217"/>
      <c r="E66" s="217"/>
    </row>
    <row r="67" spans="2:5" s="172" customFormat="1" ht="48" customHeight="1" x14ac:dyDescent="0.15">
      <c r="B67" s="168"/>
      <c r="C67" s="182"/>
      <c r="D67" s="182"/>
      <c r="E67" s="182"/>
    </row>
    <row r="68" spans="2:5" s="198" customFormat="1" ht="22.5" customHeight="1" x14ac:dyDescent="0.15">
      <c r="C68" s="195"/>
      <c r="D68" s="195"/>
      <c r="E68" s="195"/>
    </row>
    <row r="69" spans="2:5" s="198" customFormat="1" ht="22.5" customHeight="1" x14ac:dyDescent="0.15">
      <c r="C69" s="195"/>
      <c r="D69" s="195"/>
      <c r="E69" s="195"/>
    </row>
    <row r="70" spans="2:5" s="198" customFormat="1" ht="21" customHeight="1" x14ac:dyDescent="0.15">
      <c r="C70" s="195"/>
      <c r="D70" s="195"/>
      <c r="E70" s="195"/>
    </row>
  </sheetData>
  <mergeCells count="17">
    <mergeCell ref="D12:E12"/>
    <mergeCell ref="A1:C1"/>
    <mergeCell ref="B5:E5"/>
    <mergeCell ref="D9:E9"/>
    <mergeCell ref="D10:E10"/>
    <mergeCell ref="D11:E11"/>
    <mergeCell ref="C57:E60"/>
    <mergeCell ref="C61:E61"/>
    <mergeCell ref="C62:D62"/>
    <mergeCell ref="C63:E64"/>
    <mergeCell ref="B13:E13"/>
    <mergeCell ref="B17:E17"/>
    <mergeCell ref="D21:E21"/>
    <mergeCell ref="D22:E22"/>
    <mergeCell ref="C53:E54"/>
    <mergeCell ref="C55:E55"/>
    <mergeCell ref="C30:F33"/>
  </mergeCells>
  <phoneticPr fontId="24"/>
  <printOptions horizontalCentered="1"/>
  <pageMargins left="0.19685039370078741" right="0.19685039370078741" top="0.31496062992125984" bottom="0.19685039370078741" header="0.11811023622047245" footer="0.11811023622047245"/>
  <pageSetup paperSize="9" scale="58" firstPageNumber="104" fitToHeight="0" orientation="portrait" useFirstPageNumber="1" r:id="rId1"/>
  <headerFooter>
    <oddFooter>&amp;C&amp;"ＭＳ Ｐ明朝,標準"&amp;20&amp;P</oddFooter>
  </headerFooter>
  <rowBreaks count="1" manualBreakCount="1">
    <brk id="12" max="5" man="1"/>
  </rowBreaks>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33</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0</v>
      </c>
      <c r="J18" s="85">
        <v>0</v>
      </c>
      <c r="K18" s="85">
        <v>0</v>
      </c>
      <c r="L18" s="84">
        <v>0</v>
      </c>
      <c r="M18" s="84">
        <v>0</v>
      </c>
      <c r="N18" s="84">
        <v>0</v>
      </c>
      <c r="O18" s="84">
        <v>0</v>
      </c>
    </row>
    <row r="19" spans="2:15" ht="21.95" customHeight="1" x14ac:dyDescent="0.15">
      <c r="B19" s="81"/>
      <c r="C19" s="82" t="s">
        <v>16</v>
      </c>
      <c r="D19" s="82"/>
      <c r="E19" s="82"/>
      <c r="F19" s="82"/>
      <c r="G19" s="82"/>
      <c r="H19" s="83"/>
      <c r="I19" s="84">
        <v>0</v>
      </c>
      <c r="J19" s="85">
        <v>0</v>
      </c>
      <c r="K19" s="85">
        <v>0</v>
      </c>
      <c r="L19" s="84">
        <v>0</v>
      </c>
      <c r="M19" s="84">
        <v>0</v>
      </c>
      <c r="N19" s="84">
        <v>0</v>
      </c>
      <c r="O19" s="84">
        <v>0</v>
      </c>
    </row>
    <row r="20" spans="2:15" ht="21.95" customHeight="1" x14ac:dyDescent="0.15">
      <c r="B20" s="81"/>
      <c r="C20" s="82"/>
      <c r="D20" s="82" t="s">
        <v>17</v>
      </c>
      <c r="E20" s="82"/>
      <c r="F20" s="82"/>
      <c r="G20" s="82"/>
      <c r="H20" s="83"/>
      <c r="I20" s="84">
        <v>0</v>
      </c>
      <c r="J20" s="85">
        <v>0</v>
      </c>
      <c r="K20" s="85">
        <v>0</v>
      </c>
      <c r="L20" s="84">
        <v>0</v>
      </c>
      <c r="M20" s="84">
        <v>0</v>
      </c>
      <c r="N20" s="84">
        <v>0</v>
      </c>
      <c r="O20" s="84">
        <v>0</v>
      </c>
    </row>
    <row r="21" spans="2:15" ht="21.95" customHeight="1" x14ac:dyDescent="0.15">
      <c r="B21" s="81"/>
      <c r="C21" s="82"/>
      <c r="D21" s="82" t="s">
        <v>18</v>
      </c>
      <c r="E21" s="82"/>
      <c r="F21" s="82"/>
      <c r="G21" s="82"/>
      <c r="H21" s="83"/>
      <c r="I21" s="84">
        <v>0</v>
      </c>
      <c r="J21" s="85">
        <v>0</v>
      </c>
      <c r="K21" s="85">
        <v>0</v>
      </c>
      <c r="L21" s="84">
        <v>0</v>
      </c>
      <c r="M21" s="84">
        <v>0</v>
      </c>
      <c r="N21" s="84">
        <v>0</v>
      </c>
      <c r="O21" s="84">
        <v>0</v>
      </c>
    </row>
    <row r="22" spans="2:15" ht="21.75" customHeight="1" x14ac:dyDescent="0.15">
      <c r="B22" s="81"/>
      <c r="C22" s="82"/>
      <c r="D22" s="82" t="s">
        <v>19</v>
      </c>
      <c r="E22" s="82"/>
      <c r="F22" s="82"/>
      <c r="G22" s="82"/>
      <c r="H22" s="83"/>
      <c r="I22" s="84">
        <v>0</v>
      </c>
      <c r="J22" s="85">
        <v>0</v>
      </c>
      <c r="K22" s="85">
        <v>0</v>
      </c>
      <c r="L22" s="84">
        <v>0</v>
      </c>
      <c r="M22" s="84">
        <v>0</v>
      </c>
      <c r="N22" s="84">
        <v>0</v>
      </c>
      <c r="O22" s="84">
        <v>0</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0</v>
      </c>
      <c r="J38" s="85">
        <v>0</v>
      </c>
      <c r="K38" s="85">
        <v>0</v>
      </c>
      <c r="L38" s="84">
        <v>0</v>
      </c>
      <c r="M38" s="84">
        <v>0</v>
      </c>
      <c r="N38" s="84">
        <v>0</v>
      </c>
      <c r="O38" s="84">
        <v>0</v>
      </c>
    </row>
    <row r="39" spans="2:15" ht="21.95" customHeight="1" x14ac:dyDescent="0.15">
      <c r="B39" s="81" t="s">
        <v>31</v>
      </c>
      <c r="C39" s="82"/>
      <c r="D39" s="82"/>
      <c r="E39" s="82"/>
      <c r="F39" s="82"/>
      <c r="G39" s="82"/>
      <c r="H39" s="83"/>
      <c r="I39" s="84">
        <v>14232951</v>
      </c>
      <c r="J39" s="85">
        <v>7097350</v>
      </c>
      <c r="K39" s="85">
        <v>14232961</v>
      </c>
      <c r="L39" s="84">
        <v>7097340</v>
      </c>
      <c r="M39" s="84">
        <v>479550</v>
      </c>
      <c r="N39" s="84">
        <v>2545626</v>
      </c>
      <c r="O39" s="84">
        <v>6617790</v>
      </c>
    </row>
    <row r="40" spans="2:15" ht="21.95" customHeight="1" x14ac:dyDescent="0.15">
      <c r="B40" s="189" t="s">
        <v>32</v>
      </c>
      <c r="C40" s="190"/>
      <c r="D40" s="190"/>
      <c r="E40" s="190"/>
      <c r="F40" s="190"/>
      <c r="G40" s="190"/>
      <c r="H40" s="191"/>
      <c r="I40" s="84">
        <v>393960549</v>
      </c>
      <c r="J40" s="85">
        <v>4033162</v>
      </c>
      <c r="K40" s="85">
        <v>0</v>
      </c>
      <c r="L40" s="84">
        <v>397993711</v>
      </c>
      <c r="M40" s="84">
        <v>233678167</v>
      </c>
      <c r="N40" s="84">
        <v>79249593</v>
      </c>
      <c r="O40" s="84">
        <v>164315544</v>
      </c>
    </row>
    <row r="41" spans="2:15" ht="21.95" customHeight="1" x14ac:dyDescent="0.15">
      <c r="B41" s="189" t="s">
        <v>33</v>
      </c>
      <c r="C41" s="190"/>
      <c r="D41" s="190"/>
      <c r="E41" s="190"/>
      <c r="F41" s="190"/>
      <c r="G41" s="190"/>
      <c r="H41" s="191"/>
      <c r="I41" s="84">
        <v>76350506</v>
      </c>
      <c r="J41" s="85">
        <v>123920190</v>
      </c>
      <c r="K41" s="85">
        <v>16794477</v>
      </c>
      <c r="L41" s="84">
        <v>183476219</v>
      </c>
      <c r="M41" s="84">
        <v>0</v>
      </c>
      <c r="N41" s="84">
        <v>0</v>
      </c>
      <c r="O41" s="84">
        <v>183476219</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484544006</v>
      </c>
      <c r="J43" s="85">
        <v>135050702</v>
      </c>
      <c r="K43" s="85">
        <v>31027438</v>
      </c>
      <c r="L43" s="84">
        <v>588567270</v>
      </c>
      <c r="M43" s="84">
        <v>234157717</v>
      </c>
      <c r="N43" s="84">
        <v>81795219</v>
      </c>
      <c r="O43" s="84">
        <v>354409553</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5:O45"/>
    <mergeCell ref="A1:K1"/>
    <mergeCell ref="A5:K5"/>
    <mergeCell ref="L5:P5"/>
    <mergeCell ref="B12:K13"/>
    <mergeCell ref="L12:O13"/>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106" fitToWidth="2" orientation="portrait" useFirstPageNumber="1" r:id="rId1"/>
  <headerFooter>
    <oddFooter>&amp;C&amp;"ＭＳ Ｐ明朝,標準"&amp;20&amp;P</oddFooter>
  </headerFooter>
  <colBreaks count="1" manualBreakCount="1">
    <brk id="11" max="43" man="1"/>
  </colBreaks>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33</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217320171</v>
      </c>
      <c r="J10" s="146">
        <v>50275885</v>
      </c>
      <c r="K10" s="146">
        <v>85022998</v>
      </c>
      <c r="L10" s="146">
        <v>0</v>
      </c>
      <c r="M10" s="146">
        <v>85022998</v>
      </c>
      <c r="N10" s="91">
        <v>182573058</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38962595</v>
      </c>
      <c r="J16" s="146">
        <v>43491162</v>
      </c>
      <c r="K16" s="146">
        <v>35152553</v>
      </c>
      <c r="L16" s="146">
        <v>3810042</v>
      </c>
      <c r="M16" s="146">
        <v>38962595</v>
      </c>
      <c r="N16" s="91">
        <v>43491162</v>
      </c>
    </row>
    <row r="17" spans="2:14" ht="22.5" customHeight="1" x14ac:dyDescent="0.15">
      <c r="B17" s="336" t="s">
        <v>56</v>
      </c>
      <c r="C17" s="336"/>
      <c r="D17" s="336"/>
      <c r="E17" s="336"/>
      <c r="F17" s="336"/>
      <c r="G17" s="336"/>
      <c r="H17" s="336"/>
      <c r="I17" s="91">
        <v>518775781</v>
      </c>
      <c r="J17" s="146">
        <v>15659156</v>
      </c>
      <c r="K17" s="146">
        <v>0</v>
      </c>
      <c r="L17" s="146">
        <v>37662537</v>
      </c>
      <c r="M17" s="146">
        <v>37662537</v>
      </c>
      <c r="N17" s="91">
        <v>49677240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775058547</v>
      </c>
      <c r="J19" s="146">
        <v>109426203</v>
      </c>
      <c r="K19" s="146">
        <v>120175551</v>
      </c>
      <c r="L19" s="146">
        <v>41472579</v>
      </c>
      <c r="M19" s="146">
        <v>161648130</v>
      </c>
      <c r="N19" s="91">
        <v>722836620</v>
      </c>
    </row>
    <row r="21" spans="2:14" x14ac:dyDescent="0.15">
      <c r="I21" s="192"/>
      <c r="J21" s="192"/>
      <c r="K21" s="192"/>
      <c r="L21" s="192"/>
      <c r="M21" s="192"/>
      <c r="N21" s="19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B18:H18"/>
    <mergeCell ref="B19:H19"/>
    <mergeCell ref="A1:J1"/>
    <mergeCell ref="A5:J5"/>
    <mergeCell ref="B10:H10"/>
    <mergeCell ref="B11:H11"/>
    <mergeCell ref="B12:H12"/>
    <mergeCell ref="B13:H13"/>
    <mergeCell ref="B14:H14"/>
    <mergeCell ref="B15:H15"/>
    <mergeCell ref="B7:D7"/>
    <mergeCell ref="B8:H9"/>
    <mergeCell ref="I8:I9"/>
    <mergeCell ref="J8:J9"/>
    <mergeCell ref="K8:M8"/>
    <mergeCell ref="N8:N9"/>
    <mergeCell ref="K5:O5"/>
    <mergeCell ref="B16:H16"/>
    <mergeCell ref="B17:H17"/>
  </mergeCells>
  <phoneticPr fontId="24"/>
  <printOptions horizontalCentered="1"/>
  <pageMargins left="0.19685039370078741" right="0.19685039370078741" top="0.31496062992125984" bottom="0.19685039370078741" header="0.11811023622047245" footer="0.11811023622047245"/>
  <pageSetup paperSize="9" scale="58" firstPageNumber="108" fitToWidth="2" fitToHeight="0" orientation="portrait" useFirstPageNumber="1" r:id="rId1"/>
  <headerFooter>
    <oddFooter>&amp;C&amp;"ＭＳ Ｐ明朝,標準"&amp;20&amp;P</oddFooter>
  </headerFooter>
  <colBreaks count="1" manualBreakCount="1">
    <brk id="10" max="18" man="1"/>
  </colBreaks>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3:I46"/>
  <sheetViews>
    <sheetView view="pageBreakPreview" zoomScaleNormal="40" zoomScaleSheetLayoutView="100" workbookViewId="0"/>
  </sheetViews>
  <sheetFormatPr defaultRowHeight="13.5" x14ac:dyDescent="0.15"/>
  <cols>
    <col min="1" max="16384" width="9" style="69"/>
  </cols>
  <sheetData>
    <row r="13" spans="1:9" ht="30.75" x14ac:dyDescent="0.15">
      <c r="A13" s="262" t="s">
        <v>530</v>
      </c>
      <c r="B13" s="262"/>
      <c r="C13" s="262"/>
      <c r="D13" s="262"/>
      <c r="E13" s="262"/>
      <c r="F13" s="262"/>
      <c r="G13" s="262"/>
      <c r="H13" s="262"/>
      <c r="I13" s="262"/>
    </row>
    <row r="14" spans="1:9" ht="30.75" x14ac:dyDescent="0.15">
      <c r="A14" s="104"/>
      <c r="B14" s="104"/>
      <c r="C14" s="104"/>
      <c r="D14" s="104"/>
      <c r="E14" s="104"/>
      <c r="F14" s="104"/>
      <c r="G14" s="104"/>
      <c r="H14" s="104"/>
      <c r="I14" s="104"/>
    </row>
    <row r="15" spans="1:9" ht="30.75" x14ac:dyDescent="0.15">
      <c r="A15" s="104"/>
      <c r="B15" s="104"/>
      <c r="C15" s="104"/>
      <c r="D15" s="104"/>
      <c r="E15" s="104"/>
      <c r="F15" s="104"/>
      <c r="G15" s="104"/>
      <c r="H15" s="104"/>
      <c r="I15" s="104"/>
    </row>
    <row r="17" spans="1:9" s="70" customFormat="1" ht="30.75" x14ac:dyDescent="0.15">
      <c r="A17" s="263" t="s">
        <v>332</v>
      </c>
      <c r="B17" s="263"/>
      <c r="C17" s="263"/>
      <c r="D17" s="263"/>
      <c r="E17" s="263"/>
      <c r="F17" s="263"/>
      <c r="G17" s="263"/>
      <c r="H17" s="263"/>
      <c r="I17" s="263"/>
    </row>
    <row r="18" spans="1:9" s="70" customFormat="1" ht="30.75" x14ac:dyDescent="0.15"/>
    <row r="19" spans="1:9" s="70" customFormat="1" ht="30.75" x14ac:dyDescent="0.15">
      <c r="A19" s="262" t="s">
        <v>183</v>
      </c>
      <c r="B19" s="262"/>
      <c r="C19" s="262"/>
      <c r="D19" s="262"/>
      <c r="E19" s="262"/>
      <c r="F19" s="262"/>
      <c r="G19" s="262"/>
      <c r="H19" s="262"/>
      <c r="I19" s="262"/>
    </row>
    <row r="32" spans="1:9" x14ac:dyDescent="0.15">
      <c r="C32" s="253"/>
      <c r="D32" s="253"/>
      <c r="E32" s="253"/>
      <c r="F32" s="253"/>
    </row>
    <row r="33" spans="1:9" x14ac:dyDescent="0.15">
      <c r="C33" s="253"/>
      <c r="D33" s="253"/>
      <c r="E33" s="253"/>
      <c r="F33" s="253"/>
    </row>
    <row r="34" spans="1:9" x14ac:dyDescent="0.15">
      <c r="C34" s="253"/>
      <c r="D34" s="253"/>
      <c r="E34" s="253"/>
      <c r="F34" s="253"/>
    </row>
    <row r="35" spans="1:9" x14ac:dyDescent="0.15">
      <c r="C35" s="253"/>
      <c r="D35" s="253"/>
      <c r="E35" s="253"/>
      <c r="F35" s="253"/>
    </row>
    <row r="46" spans="1:9" ht="24" x14ac:dyDescent="0.15">
      <c r="A46" s="259"/>
      <c r="B46" s="259"/>
      <c r="C46" s="259"/>
      <c r="D46" s="259"/>
      <c r="E46" s="259"/>
      <c r="F46" s="259"/>
      <c r="G46" s="259"/>
      <c r="H46" s="259"/>
      <c r="I46" s="259"/>
    </row>
  </sheetData>
  <mergeCells count="4">
    <mergeCell ref="A13:I13"/>
    <mergeCell ref="A17:I17"/>
    <mergeCell ref="A19:I19"/>
    <mergeCell ref="A46:I46"/>
  </mergeCells>
  <phoneticPr fontId="24"/>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60" zoomScaleSheetLayoutView="100" workbookViewId="0">
      <selection sqref="A1:G1"/>
    </sheetView>
  </sheetViews>
  <sheetFormatPr defaultColWidth="8.875" defaultRowHeight="22.5" customHeight="1" x14ac:dyDescent="0.15"/>
  <cols>
    <col min="1" max="1" width="5.125" style="2"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5.125" style="1" customWidth="1"/>
    <col min="21" max="21" width="8.875" style="2"/>
    <col min="22"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x14ac:dyDescent="0.15">
      <c r="A1" s="266" t="s">
        <v>534</v>
      </c>
      <c r="B1" s="266"/>
      <c r="C1" s="266"/>
      <c r="D1" s="266"/>
      <c r="E1" s="266"/>
      <c r="F1" s="266"/>
      <c r="G1" s="266"/>
      <c r="H1" s="165"/>
      <c r="I1" s="165"/>
      <c r="J1" s="165"/>
      <c r="K1" s="165"/>
      <c r="L1" s="165"/>
      <c r="M1" s="165"/>
      <c r="N1" s="165"/>
      <c r="O1" s="165"/>
      <c r="P1" s="165"/>
      <c r="Q1" s="165"/>
      <c r="R1" s="165"/>
      <c r="S1" s="165"/>
      <c r="T1" s="165"/>
    </row>
    <row r="2" spans="1:20" s="2" customFormat="1" ht="22.5" customHeight="1" x14ac:dyDescent="0.15">
      <c r="B2" s="150"/>
    </row>
    <row r="3" spans="1:20" s="2" customFormat="1" ht="22.5" customHeight="1" x14ac:dyDescent="0.15"/>
    <row r="4" spans="1:20" ht="22.5" customHeight="1" x14ac:dyDescent="0.2">
      <c r="B4" s="2"/>
      <c r="C4" s="3"/>
      <c r="D4" s="3"/>
      <c r="E4" s="3"/>
      <c r="F4" s="3"/>
      <c r="G4" s="3"/>
      <c r="H4" s="3"/>
      <c r="I4" s="3"/>
      <c r="J4" s="3"/>
      <c r="K4" s="3"/>
      <c r="L4" s="3"/>
      <c r="M4" s="3"/>
      <c r="N4" s="3"/>
      <c r="O4" s="3"/>
      <c r="P4" s="3"/>
      <c r="Q4" s="3"/>
      <c r="R4" s="3"/>
      <c r="S4" s="3"/>
      <c r="T4" s="2"/>
    </row>
    <row r="5" spans="1:20" ht="28.5" x14ac:dyDescent="0.3">
      <c r="B5" s="264" t="s">
        <v>352</v>
      </c>
      <c r="C5" s="264"/>
      <c r="D5" s="264"/>
      <c r="E5" s="264"/>
      <c r="F5" s="264"/>
      <c r="G5" s="264"/>
      <c r="H5" s="264"/>
      <c r="I5" s="264"/>
      <c r="J5" s="264"/>
      <c r="K5" s="264"/>
      <c r="L5" s="264"/>
      <c r="M5" s="264"/>
      <c r="N5" s="264"/>
      <c r="O5" s="264"/>
      <c r="P5" s="264"/>
      <c r="Q5" s="264"/>
      <c r="R5" s="264"/>
      <c r="S5" s="264"/>
      <c r="T5" s="2"/>
    </row>
    <row r="6" spans="1:20" ht="22.5" customHeight="1" x14ac:dyDescent="0.15">
      <c r="B6" s="265" t="s">
        <v>411</v>
      </c>
      <c r="C6" s="265"/>
      <c r="D6" s="265"/>
      <c r="E6" s="265"/>
      <c r="F6" s="265"/>
      <c r="G6" s="265"/>
      <c r="H6" s="265"/>
      <c r="I6" s="265"/>
      <c r="J6" s="265"/>
      <c r="K6" s="265"/>
      <c r="L6" s="265"/>
      <c r="M6" s="265"/>
      <c r="N6" s="265"/>
      <c r="O6" s="265"/>
      <c r="P6" s="265"/>
      <c r="Q6" s="265"/>
      <c r="R6" s="265"/>
      <c r="S6" s="265"/>
      <c r="T6" s="2"/>
    </row>
    <row r="7" spans="1:20" ht="22.5" customHeight="1" x14ac:dyDescent="0.15">
      <c r="B7" s="4"/>
      <c r="C7" s="4"/>
      <c r="D7" s="4"/>
      <c r="E7" s="4"/>
      <c r="F7" s="4"/>
      <c r="G7" s="4"/>
      <c r="H7" s="4"/>
      <c r="I7" s="4"/>
      <c r="J7" s="4"/>
      <c r="K7" s="267"/>
      <c r="L7" s="267"/>
      <c r="M7" s="267"/>
      <c r="N7" s="268" t="s">
        <v>0</v>
      </c>
      <c r="O7" s="268"/>
      <c r="P7" s="268"/>
      <c r="Q7" s="183"/>
      <c r="R7" s="4"/>
      <c r="S7" s="4"/>
      <c r="T7" s="2"/>
    </row>
    <row r="8" spans="1:20" ht="18.75" x14ac:dyDescent="0.15">
      <c r="B8" s="269"/>
      <c r="C8" s="269"/>
      <c r="D8" s="269"/>
      <c r="E8" s="2"/>
      <c r="F8" s="5"/>
      <c r="G8" s="2"/>
      <c r="H8" s="2"/>
      <c r="I8" s="2"/>
      <c r="J8" s="2"/>
      <c r="K8" s="2"/>
      <c r="L8" s="2"/>
      <c r="M8" s="2"/>
      <c r="N8" s="2"/>
      <c r="O8" s="2"/>
      <c r="P8" s="2"/>
      <c r="Q8" s="2"/>
      <c r="R8" s="6" t="s">
        <v>202</v>
      </c>
      <c r="S8" s="7"/>
      <c r="T8" s="2"/>
    </row>
    <row r="9" spans="1:20" ht="22.5" customHeight="1" x14ac:dyDescent="0.15">
      <c r="B9" s="20" t="s">
        <v>2</v>
      </c>
      <c r="C9" s="8"/>
      <c r="D9" s="8"/>
      <c r="E9" s="9"/>
      <c r="F9" s="8"/>
      <c r="G9" s="8"/>
      <c r="H9" s="8"/>
      <c r="I9" s="10"/>
      <c r="J9" s="11"/>
      <c r="K9" s="53" t="s">
        <v>42</v>
      </c>
      <c r="L9" s="8"/>
      <c r="M9" s="8"/>
      <c r="N9" s="8"/>
      <c r="O9" s="8"/>
      <c r="P9" s="8"/>
      <c r="Q9" s="8"/>
      <c r="R9" s="10"/>
      <c r="S9" s="12"/>
      <c r="T9" s="2"/>
    </row>
    <row r="10" spans="1:20" ht="22.5" customHeight="1" x14ac:dyDescent="0.15">
      <c r="B10" s="21"/>
      <c r="C10" s="13" t="s">
        <v>3</v>
      </c>
      <c r="D10" s="13"/>
      <c r="E10" s="13"/>
      <c r="F10" s="13"/>
      <c r="G10" s="13"/>
      <c r="H10" s="13"/>
      <c r="I10" s="14">
        <v>176398496893</v>
      </c>
      <c r="J10" s="23"/>
      <c r="K10" s="21"/>
      <c r="L10" s="15" t="s">
        <v>43</v>
      </c>
      <c r="M10" s="13"/>
      <c r="N10" s="13"/>
      <c r="O10" s="13"/>
      <c r="P10" s="13"/>
      <c r="Q10" s="13"/>
      <c r="R10" s="14">
        <v>176406150414</v>
      </c>
      <c r="S10" s="54"/>
      <c r="T10" s="2"/>
    </row>
    <row r="11" spans="1:20" ht="22.5" customHeight="1" x14ac:dyDescent="0.15">
      <c r="B11" s="21"/>
      <c r="C11" s="13"/>
      <c r="D11" s="13" t="s">
        <v>4</v>
      </c>
      <c r="E11" s="13"/>
      <c r="F11" s="13"/>
      <c r="G11" s="13"/>
      <c r="H11" s="13"/>
      <c r="I11" s="14">
        <v>0</v>
      </c>
      <c r="J11" s="23"/>
      <c r="K11" s="21"/>
      <c r="L11" s="13"/>
      <c r="M11" s="13" t="s">
        <v>44</v>
      </c>
      <c r="N11" s="13"/>
      <c r="O11" s="13"/>
      <c r="P11" s="13"/>
      <c r="Q11" s="13"/>
      <c r="R11" s="14">
        <v>176094390915</v>
      </c>
      <c r="S11" s="54"/>
      <c r="T11" s="2"/>
    </row>
    <row r="12" spans="1:20" ht="22.5" customHeight="1" x14ac:dyDescent="0.15">
      <c r="B12" s="21"/>
      <c r="C12" s="13"/>
      <c r="D12" s="13"/>
      <c r="E12" s="13" t="s">
        <v>5</v>
      </c>
      <c r="F12" s="13"/>
      <c r="G12" s="13"/>
      <c r="H12" s="13"/>
      <c r="I12" s="14">
        <v>0</v>
      </c>
      <c r="J12" s="23"/>
      <c r="K12" s="21"/>
      <c r="L12" s="13"/>
      <c r="M12" s="13" t="s">
        <v>45</v>
      </c>
      <c r="N12" s="13"/>
      <c r="O12" s="13"/>
      <c r="P12" s="13"/>
      <c r="Q12" s="13"/>
      <c r="R12" s="14">
        <v>0</v>
      </c>
      <c r="S12" s="54"/>
      <c r="T12" s="2"/>
    </row>
    <row r="13" spans="1:20" ht="22.5" customHeight="1" x14ac:dyDescent="0.15">
      <c r="B13" s="21"/>
      <c r="C13" s="13"/>
      <c r="D13" s="13"/>
      <c r="E13" s="13" t="s">
        <v>6</v>
      </c>
      <c r="F13" s="13"/>
      <c r="G13" s="13"/>
      <c r="H13" s="13"/>
      <c r="I13" s="14">
        <v>0</v>
      </c>
      <c r="J13" s="23"/>
      <c r="K13" s="21"/>
      <c r="L13" s="13"/>
      <c r="M13" s="13"/>
      <c r="N13" s="13" t="s">
        <v>46</v>
      </c>
      <c r="O13" s="13"/>
      <c r="P13" s="13"/>
      <c r="Q13" s="13"/>
      <c r="R13" s="14">
        <v>0</v>
      </c>
      <c r="S13" s="54"/>
      <c r="T13" s="2"/>
    </row>
    <row r="14" spans="1:20" ht="22.5" customHeight="1" x14ac:dyDescent="0.15">
      <c r="B14" s="21"/>
      <c r="C14" s="13"/>
      <c r="D14" s="13" t="s">
        <v>7</v>
      </c>
      <c r="E14" s="13"/>
      <c r="F14" s="13"/>
      <c r="G14" s="13"/>
      <c r="H14" s="13"/>
      <c r="I14" s="14">
        <v>0</v>
      </c>
      <c r="J14" s="23"/>
      <c r="K14" s="21"/>
      <c r="L14" s="13"/>
      <c r="M14" s="13"/>
      <c r="N14" s="13" t="s">
        <v>47</v>
      </c>
      <c r="O14" s="13"/>
      <c r="P14" s="13"/>
      <c r="Q14" s="13"/>
      <c r="R14" s="14">
        <v>0</v>
      </c>
      <c r="S14" s="54"/>
      <c r="T14" s="2"/>
    </row>
    <row r="15" spans="1:20" ht="22.5" customHeight="1" x14ac:dyDescent="0.15">
      <c r="B15" s="21"/>
      <c r="C15" s="13"/>
      <c r="D15" s="13" t="s">
        <v>8</v>
      </c>
      <c r="E15" s="13"/>
      <c r="F15" s="13"/>
      <c r="G15" s="13"/>
      <c r="H15" s="13"/>
      <c r="I15" s="14">
        <v>0</v>
      </c>
      <c r="J15" s="23"/>
      <c r="K15" s="21"/>
      <c r="L15" s="13"/>
      <c r="M15" s="13" t="s">
        <v>48</v>
      </c>
      <c r="N15" s="13"/>
      <c r="O15" s="13"/>
      <c r="P15" s="13"/>
      <c r="Q15" s="13"/>
      <c r="R15" s="14">
        <v>9946136</v>
      </c>
      <c r="S15" s="54"/>
      <c r="T15" s="2"/>
    </row>
    <row r="16" spans="1:20" ht="22.5" customHeight="1" x14ac:dyDescent="0.15">
      <c r="B16" s="21"/>
      <c r="C16" s="13"/>
      <c r="D16" s="13" t="s">
        <v>9</v>
      </c>
      <c r="E16" s="13"/>
      <c r="F16" s="13"/>
      <c r="G16" s="13"/>
      <c r="H16" s="13"/>
      <c r="I16" s="14">
        <v>176398496893</v>
      </c>
      <c r="J16" s="23"/>
      <c r="K16" s="21"/>
      <c r="L16" s="13"/>
      <c r="M16" s="13" t="s">
        <v>49</v>
      </c>
      <c r="N16" s="13"/>
      <c r="O16" s="13"/>
      <c r="P16" s="13"/>
      <c r="Q16" s="13"/>
      <c r="R16" s="14">
        <v>0</v>
      </c>
      <c r="S16" s="54"/>
      <c r="T16" s="2"/>
    </row>
    <row r="17" spans="2:20" ht="22.5" customHeight="1" x14ac:dyDescent="0.15">
      <c r="B17" s="21"/>
      <c r="C17" s="13"/>
      <c r="D17" s="13"/>
      <c r="E17" s="13" t="s">
        <v>10</v>
      </c>
      <c r="F17" s="13"/>
      <c r="G17" s="13"/>
      <c r="H17" s="13"/>
      <c r="I17" s="14">
        <v>0</v>
      </c>
      <c r="J17" s="23"/>
      <c r="K17" s="21"/>
      <c r="L17" s="13"/>
      <c r="M17" s="13" t="s">
        <v>50</v>
      </c>
      <c r="N17" s="13"/>
      <c r="O17" s="13"/>
      <c r="P17" s="13"/>
      <c r="Q17" s="13"/>
      <c r="R17" s="14">
        <v>0</v>
      </c>
      <c r="S17" s="54"/>
      <c r="T17" s="2"/>
    </row>
    <row r="18" spans="2:20" ht="22.5" customHeight="1" x14ac:dyDescent="0.15">
      <c r="B18" s="21"/>
      <c r="C18" s="13"/>
      <c r="D18" s="13"/>
      <c r="E18" s="13" t="s">
        <v>11</v>
      </c>
      <c r="F18" s="13"/>
      <c r="G18" s="13"/>
      <c r="H18" s="13"/>
      <c r="I18" s="14">
        <v>176398496893</v>
      </c>
      <c r="J18" s="23"/>
      <c r="K18" s="21"/>
      <c r="L18" s="13"/>
      <c r="M18" s="13" t="s">
        <v>51</v>
      </c>
      <c r="N18" s="13"/>
      <c r="O18" s="13"/>
      <c r="P18" s="13"/>
      <c r="Q18" s="13"/>
      <c r="R18" s="14">
        <v>0</v>
      </c>
      <c r="S18" s="54"/>
      <c r="T18" s="2"/>
    </row>
    <row r="19" spans="2:20" ht="22.5" customHeight="1" x14ac:dyDescent="0.15">
      <c r="B19" s="21"/>
      <c r="C19" s="13"/>
      <c r="D19" s="13" t="s">
        <v>8</v>
      </c>
      <c r="E19" s="13"/>
      <c r="F19" s="13"/>
      <c r="G19" s="13"/>
      <c r="H19" s="13"/>
      <c r="I19" s="14">
        <v>0</v>
      </c>
      <c r="J19" s="23"/>
      <c r="K19" s="21"/>
      <c r="L19" s="13"/>
      <c r="M19" s="13" t="s">
        <v>52</v>
      </c>
      <c r="N19" s="13"/>
      <c r="O19" s="13"/>
      <c r="P19" s="13"/>
      <c r="Q19" s="13"/>
      <c r="R19" s="14">
        <v>301813363</v>
      </c>
      <c r="S19" s="54"/>
      <c r="T19" s="2"/>
    </row>
    <row r="20" spans="2:20" ht="22.5" customHeight="1" x14ac:dyDescent="0.15">
      <c r="B20" s="21"/>
      <c r="C20" s="13"/>
      <c r="D20" s="13" t="s">
        <v>12</v>
      </c>
      <c r="E20" s="13"/>
      <c r="F20" s="13"/>
      <c r="G20" s="13"/>
      <c r="H20" s="13"/>
      <c r="I20" s="14">
        <v>0</v>
      </c>
      <c r="J20" s="23"/>
      <c r="K20" s="21"/>
      <c r="L20" s="13" t="s">
        <v>53</v>
      </c>
      <c r="M20" s="13"/>
      <c r="N20" s="13"/>
      <c r="O20" s="13"/>
      <c r="P20" s="13"/>
      <c r="Q20" s="13"/>
      <c r="R20" s="14">
        <v>550593247508</v>
      </c>
      <c r="S20" s="54"/>
      <c r="T20" s="2"/>
    </row>
    <row r="21" spans="2:20" ht="22.5" customHeight="1" x14ac:dyDescent="0.15">
      <c r="B21" s="21"/>
      <c r="C21" s="13"/>
      <c r="D21" s="13" t="s">
        <v>8</v>
      </c>
      <c r="E21" s="13"/>
      <c r="F21" s="13"/>
      <c r="G21" s="13"/>
      <c r="H21" s="13"/>
      <c r="I21" s="14">
        <v>0</v>
      </c>
      <c r="J21" s="23"/>
      <c r="K21" s="21"/>
      <c r="L21" s="13"/>
      <c r="M21" s="13" t="s">
        <v>44</v>
      </c>
      <c r="N21" s="13"/>
      <c r="O21" s="13"/>
      <c r="P21" s="13"/>
      <c r="Q21" s="13"/>
      <c r="R21" s="14">
        <v>548304319347</v>
      </c>
      <c r="S21" s="54"/>
      <c r="T21" s="2"/>
    </row>
    <row r="22" spans="2:20" ht="22.5" customHeight="1" x14ac:dyDescent="0.15">
      <c r="B22" s="21"/>
      <c r="C22" s="13"/>
      <c r="D22" s="13" t="s">
        <v>13</v>
      </c>
      <c r="E22" s="13"/>
      <c r="F22" s="13"/>
      <c r="G22" s="13"/>
      <c r="H22" s="13"/>
      <c r="I22" s="14">
        <v>0</v>
      </c>
      <c r="J22" s="23"/>
      <c r="K22" s="21"/>
      <c r="L22" s="13"/>
      <c r="M22" s="13" t="s">
        <v>54</v>
      </c>
      <c r="N22" s="13"/>
      <c r="O22" s="13"/>
      <c r="P22" s="13"/>
      <c r="Q22" s="13"/>
      <c r="R22" s="14">
        <v>0</v>
      </c>
      <c r="S22" s="54"/>
      <c r="T22" s="2"/>
    </row>
    <row r="23" spans="2:20" ht="22.5" customHeight="1" x14ac:dyDescent="0.15">
      <c r="B23" s="21"/>
      <c r="C23" s="13" t="s">
        <v>14</v>
      </c>
      <c r="D23" s="13"/>
      <c r="E23" s="13"/>
      <c r="F23" s="13"/>
      <c r="G23" s="13"/>
      <c r="H23" s="13"/>
      <c r="I23" s="14">
        <v>550554004723</v>
      </c>
      <c r="J23" s="23"/>
      <c r="K23" s="21"/>
      <c r="L23" s="13"/>
      <c r="M23" s="13"/>
      <c r="N23" s="13" t="s">
        <v>46</v>
      </c>
      <c r="O23" s="13"/>
      <c r="P23" s="13"/>
      <c r="Q23" s="13"/>
      <c r="R23" s="14">
        <v>0</v>
      </c>
      <c r="S23" s="54"/>
      <c r="T23" s="2"/>
    </row>
    <row r="24" spans="2:20" ht="22.5" customHeight="1" x14ac:dyDescent="0.15">
      <c r="B24" s="21"/>
      <c r="C24" s="13"/>
      <c r="D24" s="13" t="s">
        <v>15</v>
      </c>
      <c r="E24" s="13"/>
      <c r="F24" s="13"/>
      <c r="G24" s="13"/>
      <c r="H24" s="13"/>
      <c r="I24" s="14">
        <v>0</v>
      </c>
      <c r="J24" s="23"/>
      <c r="K24" s="21"/>
      <c r="L24" s="13"/>
      <c r="M24" s="13"/>
      <c r="N24" s="13" t="s">
        <v>55</v>
      </c>
      <c r="O24" s="13"/>
      <c r="P24" s="13"/>
      <c r="Q24" s="13"/>
      <c r="R24" s="14">
        <v>0</v>
      </c>
      <c r="S24" s="54"/>
      <c r="T24" s="2"/>
    </row>
    <row r="25" spans="2:20" ht="22.5" customHeight="1" x14ac:dyDescent="0.15">
      <c r="B25" s="21"/>
      <c r="C25" s="247"/>
      <c r="D25" s="247"/>
      <c r="E25" s="247" t="s">
        <v>16</v>
      </c>
      <c r="F25" s="247"/>
      <c r="G25" s="13"/>
      <c r="H25" s="13"/>
      <c r="I25" s="14">
        <v>0</v>
      </c>
      <c r="J25" s="23"/>
      <c r="K25" s="21"/>
      <c r="L25" s="13"/>
      <c r="M25" s="13" t="s">
        <v>56</v>
      </c>
      <c r="N25" s="13"/>
      <c r="O25" s="13"/>
      <c r="P25" s="13"/>
      <c r="Q25" s="13"/>
      <c r="R25" s="14">
        <v>60964260</v>
      </c>
      <c r="S25" s="54"/>
      <c r="T25" s="2"/>
    </row>
    <row r="26" spans="2:20" ht="22.5" customHeight="1" x14ac:dyDescent="0.15">
      <c r="B26" s="21"/>
      <c r="C26" s="247"/>
      <c r="D26" s="247"/>
      <c r="E26" s="247"/>
      <c r="F26" s="247" t="s">
        <v>17</v>
      </c>
      <c r="G26" s="13"/>
      <c r="H26" s="13"/>
      <c r="I26" s="14">
        <v>0</v>
      </c>
      <c r="J26" s="23"/>
      <c r="K26" s="21"/>
      <c r="L26" s="13"/>
      <c r="M26" s="13" t="s">
        <v>57</v>
      </c>
      <c r="N26" s="13"/>
      <c r="O26" s="13"/>
      <c r="P26" s="13"/>
      <c r="Q26" s="13"/>
      <c r="R26" s="14">
        <v>0</v>
      </c>
      <c r="S26" s="54"/>
      <c r="T26" s="2"/>
    </row>
    <row r="27" spans="2:20" ht="22.5" customHeight="1" x14ac:dyDescent="0.15">
      <c r="B27" s="21"/>
      <c r="C27" s="247"/>
      <c r="D27" s="247"/>
      <c r="E27" s="247"/>
      <c r="F27" s="247" t="s">
        <v>18</v>
      </c>
      <c r="G27" s="13"/>
      <c r="H27" s="13"/>
      <c r="I27" s="16">
        <v>0</v>
      </c>
      <c r="J27" s="23"/>
      <c r="K27" s="21"/>
      <c r="L27" s="13"/>
      <c r="M27" s="13" t="s">
        <v>58</v>
      </c>
      <c r="N27" s="13"/>
      <c r="O27" s="13"/>
      <c r="P27" s="13"/>
      <c r="Q27" s="13"/>
      <c r="R27" s="16">
        <v>0</v>
      </c>
      <c r="S27" s="55"/>
      <c r="T27" s="2"/>
    </row>
    <row r="28" spans="2:20" ht="22.5" customHeight="1" x14ac:dyDescent="0.15">
      <c r="B28" s="21"/>
      <c r="C28" s="247"/>
      <c r="D28" s="247"/>
      <c r="E28" s="247"/>
      <c r="F28" s="247" t="s">
        <v>19</v>
      </c>
      <c r="G28" s="13"/>
      <c r="H28" s="13"/>
      <c r="I28" s="16">
        <v>0</v>
      </c>
      <c r="J28" s="23"/>
      <c r="K28" s="21"/>
      <c r="L28" s="13"/>
      <c r="M28" s="13" t="s">
        <v>51</v>
      </c>
      <c r="N28" s="13"/>
      <c r="O28" s="13"/>
      <c r="P28" s="13"/>
      <c r="Q28" s="13"/>
      <c r="R28" s="16">
        <v>0</v>
      </c>
      <c r="S28" s="55"/>
      <c r="T28" s="2"/>
    </row>
    <row r="29" spans="2:20" ht="22.5" customHeight="1" x14ac:dyDescent="0.15">
      <c r="B29" s="21"/>
      <c r="C29" s="13"/>
      <c r="D29" s="13"/>
      <c r="E29" s="13"/>
      <c r="F29" s="13" t="s">
        <v>20</v>
      </c>
      <c r="G29" s="13"/>
      <c r="H29" s="13"/>
      <c r="I29" s="16">
        <v>0</v>
      </c>
      <c r="J29" s="23"/>
      <c r="K29" s="21"/>
      <c r="L29" s="13"/>
      <c r="M29" s="13" t="s">
        <v>59</v>
      </c>
      <c r="N29" s="13"/>
      <c r="O29" s="13"/>
      <c r="P29" s="13"/>
      <c r="Q29" s="13"/>
      <c r="R29" s="16">
        <v>2227963901</v>
      </c>
      <c r="S29" s="55"/>
      <c r="T29" s="2"/>
    </row>
    <row r="30" spans="2:20" ht="22.5" customHeight="1" x14ac:dyDescent="0.15">
      <c r="B30" s="21"/>
      <c r="C30" s="13"/>
      <c r="D30" s="13"/>
      <c r="E30" s="13"/>
      <c r="F30" s="13" t="s">
        <v>21</v>
      </c>
      <c r="G30" s="13"/>
      <c r="H30" s="13"/>
      <c r="I30" s="16">
        <v>0</v>
      </c>
      <c r="J30" s="23"/>
      <c r="K30" s="45" t="s">
        <v>60</v>
      </c>
      <c r="L30" s="46"/>
      <c r="M30" s="47"/>
      <c r="N30" s="47"/>
      <c r="O30" s="47"/>
      <c r="P30" s="47"/>
      <c r="Q30" s="47"/>
      <c r="R30" s="50">
        <v>726999397922</v>
      </c>
      <c r="S30" s="51"/>
      <c r="T30" s="2"/>
    </row>
    <row r="31" spans="2:20" ht="22.5" customHeight="1" x14ac:dyDescent="0.15">
      <c r="B31" s="21"/>
      <c r="C31" s="13"/>
      <c r="D31" s="13"/>
      <c r="E31" s="13"/>
      <c r="F31" s="13" t="s">
        <v>22</v>
      </c>
      <c r="G31" s="13"/>
      <c r="H31" s="13"/>
      <c r="I31" s="16">
        <v>0</v>
      </c>
      <c r="J31" s="23"/>
      <c r="K31" s="21" t="s">
        <v>61</v>
      </c>
      <c r="L31" s="13"/>
      <c r="M31" s="13"/>
      <c r="N31" s="13"/>
      <c r="O31" s="13"/>
      <c r="P31" s="13"/>
      <c r="Q31" s="13"/>
      <c r="R31" s="16"/>
      <c r="S31" s="55"/>
      <c r="T31" s="2"/>
    </row>
    <row r="32" spans="2:20" ht="22.5" customHeight="1" x14ac:dyDescent="0.15">
      <c r="B32" s="21"/>
      <c r="C32" s="13"/>
      <c r="D32" s="13"/>
      <c r="E32" s="13"/>
      <c r="F32" s="13" t="s">
        <v>23</v>
      </c>
      <c r="G32" s="13"/>
      <c r="H32" s="13"/>
      <c r="I32" s="16">
        <v>0</v>
      </c>
      <c r="J32" s="23"/>
      <c r="K32" s="21"/>
      <c r="L32" s="13" t="s">
        <v>62</v>
      </c>
      <c r="M32" s="13"/>
      <c r="N32" s="13"/>
      <c r="O32" s="13"/>
      <c r="P32" s="13"/>
      <c r="Q32" s="13"/>
      <c r="R32" s="16">
        <v>-46896306</v>
      </c>
      <c r="S32" s="55"/>
      <c r="T32" s="2"/>
    </row>
    <row r="33" spans="2:20" ht="22.5" customHeight="1" x14ac:dyDescent="0.15">
      <c r="B33" s="21"/>
      <c r="C33" s="13"/>
      <c r="D33" s="13"/>
      <c r="E33" s="13" t="s">
        <v>24</v>
      </c>
      <c r="F33" s="13"/>
      <c r="G33" s="13"/>
      <c r="H33" s="13"/>
      <c r="I33" s="16">
        <v>0</v>
      </c>
      <c r="J33" s="23"/>
      <c r="K33" s="21"/>
      <c r="L33" s="13" t="s">
        <v>63</v>
      </c>
      <c r="M33" s="13"/>
      <c r="N33" s="13"/>
      <c r="O33" s="13"/>
      <c r="P33" s="13"/>
      <c r="Q33" s="13"/>
      <c r="R33" s="16">
        <v>0</v>
      </c>
      <c r="S33" s="55"/>
      <c r="T33" s="2"/>
    </row>
    <row r="34" spans="2:20" ht="22.5" customHeight="1" x14ac:dyDescent="0.15">
      <c r="B34" s="21"/>
      <c r="C34" s="13"/>
      <c r="D34" s="13"/>
      <c r="E34" s="13"/>
      <c r="F34" s="13" t="s">
        <v>25</v>
      </c>
      <c r="G34" s="13"/>
      <c r="H34" s="13"/>
      <c r="I34" s="16">
        <v>0</v>
      </c>
      <c r="J34" s="23"/>
      <c r="K34" s="21"/>
      <c r="L34" s="13"/>
      <c r="M34" s="13" t="s">
        <v>64</v>
      </c>
      <c r="N34" s="13"/>
      <c r="O34" s="13"/>
      <c r="P34" s="13"/>
      <c r="Q34" s="13"/>
      <c r="R34" s="16">
        <v>0</v>
      </c>
      <c r="S34" s="55"/>
      <c r="T34" s="2"/>
    </row>
    <row r="35" spans="2:20" ht="22.5" customHeight="1" x14ac:dyDescent="0.15">
      <c r="B35" s="21"/>
      <c r="C35" s="13"/>
      <c r="D35" s="13"/>
      <c r="E35" s="13"/>
      <c r="F35" s="13" t="s">
        <v>26</v>
      </c>
      <c r="G35" s="13"/>
      <c r="H35" s="13"/>
      <c r="I35" s="16">
        <v>0</v>
      </c>
      <c r="J35" s="23"/>
      <c r="K35" s="21"/>
      <c r="L35" s="13"/>
      <c r="M35" s="13"/>
      <c r="N35" s="13"/>
      <c r="O35" s="13"/>
      <c r="P35" s="13"/>
      <c r="Q35" s="13"/>
      <c r="R35" s="16"/>
      <c r="S35" s="55"/>
      <c r="T35" s="2"/>
    </row>
    <row r="36" spans="2:20" ht="22.5" customHeight="1" x14ac:dyDescent="0.15">
      <c r="B36" s="21"/>
      <c r="C36" s="13"/>
      <c r="D36" s="13" t="s">
        <v>27</v>
      </c>
      <c r="E36" s="13"/>
      <c r="F36" s="13"/>
      <c r="G36" s="13"/>
      <c r="H36" s="13"/>
      <c r="I36" s="16">
        <v>0</v>
      </c>
      <c r="J36" s="23"/>
      <c r="K36" s="21"/>
      <c r="L36" s="13"/>
      <c r="M36" s="13"/>
      <c r="N36" s="13"/>
      <c r="O36" s="13"/>
      <c r="P36" s="13"/>
      <c r="Q36" s="13"/>
      <c r="R36" s="16"/>
      <c r="S36" s="55"/>
      <c r="T36" s="2"/>
    </row>
    <row r="37" spans="2:20" ht="22.5" customHeight="1" x14ac:dyDescent="0.15">
      <c r="B37" s="21"/>
      <c r="C37" s="13"/>
      <c r="D37" s="13"/>
      <c r="E37" s="13" t="s">
        <v>28</v>
      </c>
      <c r="F37" s="13"/>
      <c r="G37" s="13"/>
      <c r="H37" s="13"/>
      <c r="I37" s="16">
        <v>0</v>
      </c>
      <c r="J37" s="23"/>
      <c r="K37" s="21"/>
      <c r="L37" s="13"/>
      <c r="M37" s="13"/>
      <c r="N37" s="13"/>
      <c r="O37" s="13"/>
      <c r="P37" s="13"/>
      <c r="Q37" s="13"/>
      <c r="R37" s="16"/>
      <c r="S37" s="55"/>
      <c r="T37" s="2"/>
    </row>
    <row r="38" spans="2:20" ht="22.5" customHeight="1" x14ac:dyDescent="0.15">
      <c r="B38" s="21"/>
      <c r="C38" s="13"/>
      <c r="D38" s="13"/>
      <c r="E38" s="13"/>
      <c r="F38" s="13" t="s">
        <v>17</v>
      </c>
      <c r="G38" s="13"/>
      <c r="H38" s="13"/>
      <c r="I38" s="16">
        <v>0</v>
      </c>
      <c r="J38" s="23"/>
      <c r="K38" s="21"/>
      <c r="L38" s="13"/>
      <c r="M38" s="13"/>
      <c r="N38" s="13"/>
      <c r="O38" s="13"/>
      <c r="P38" s="13"/>
      <c r="Q38" s="13"/>
      <c r="R38" s="16"/>
      <c r="S38" s="55"/>
      <c r="T38" s="2"/>
    </row>
    <row r="39" spans="2:20" ht="22.5" customHeight="1" x14ac:dyDescent="0.15">
      <c r="B39" s="21"/>
      <c r="C39" s="13"/>
      <c r="D39" s="13"/>
      <c r="E39" s="13"/>
      <c r="F39" s="13" t="s">
        <v>18</v>
      </c>
      <c r="G39" s="13"/>
      <c r="H39" s="13"/>
      <c r="I39" s="16">
        <v>0</v>
      </c>
      <c r="J39" s="23"/>
      <c r="K39" s="21"/>
      <c r="L39" s="13"/>
      <c r="M39" s="13"/>
      <c r="N39" s="13"/>
      <c r="O39" s="13"/>
      <c r="P39" s="13"/>
      <c r="Q39" s="13"/>
      <c r="R39" s="16"/>
      <c r="S39" s="55"/>
      <c r="T39" s="2"/>
    </row>
    <row r="40" spans="2:20" ht="22.5" customHeight="1" x14ac:dyDescent="0.15">
      <c r="B40" s="21"/>
      <c r="C40" s="13"/>
      <c r="D40" s="13"/>
      <c r="E40" s="13"/>
      <c r="F40" s="13" t="s">
        <v>19</v>
      </c>
      <c r="G40" s="13"/>
      <c r="H40" s="13"/>
      <c r="I40" s="16">
        <v>0</v>
      </c>
      <c r="J40" s="23"/>
      <c r="K40" s="21"/>
      <c r="L40" s="13"/>
      <c r="M40" s="13"/>
      <c r="N40" s="13"/>
      <c r="O40" s="13"/>
      <c r="P40" s="13"/>
      <c r="Q40" s="13"/>
      <c r="R40" s="16"/>
      <c r="S40" s="55"/>
      <c r="T40" s="2"/>
    </row>
    <row r="41" spans="2:20" ht="22.5" customHeight="1" x14ac:dyDescent="0.15">
      <c r="B41" s="21"/>
      <c r="C41" s="13"/>
      <c r="D41" s="13"/>
      <c r="E41" s="13" t="s">
        <v>29</v>
      </c>
      <c r="F41" s="13"/>
      <c r="G41" s="13"/>
      <c r="H41" s="13"/>
      <c r="I41" s="16">
        <v>0</v>
      </c>
      <c r="J41" s="23"/>
      <c r="K41" s="21"/>
      <c r="L41" s="13"/>
      <c r="M41" s="13"/>
      <c r="N41" s="13"/>
      <c r="O41" s="13"/>
      <c r="P41" s="13"/>
      <c r="Q41" s="13"/>
      <c r="R41" s="16"/>
      <c r="S41" s="55"/>
      <c r="T41" s="2"/>
    </row>
    <row r="42" spans="2:20" ht="22.5" customHeight="1" x14ac:dyDescent="0.15">
      <c r="B42" s="21"/>
      <c r="C42" s="13"/>
      <c r="D42" s="13"/>
      <c r="E42" s="13"/>
      <c r="F42" s="13" t="s">
        <v>25</v>
      </c>
      <c r="G42" s="13"/>
      <c r="H42" s="13"/>
      <c r="I42" s="16">
        <v>0</v>
      </c>
      <c r="J42" s="23"/>
      <c r="K42" s="21"/>
      <c r="L42" s="13"/>
      <c r="M42" s="13"/>
      <c r="N42" s="13"/>
      <c r="O42" s="13"/>
      <c r="P42" s="13"/>
      <c r="Q42" s="13"/>
      <c r="R42" s="16"/>
      <c r="S42" s="55"/>
      <c r="T42" s="2"/>
    </row>
    <row r="43" spans="2:20" ht="22.5" customHeight="1" x14ac:dyDescent="0.15">
      <c r="B43" s="21"/>
      <c r="C43" s="13"/>
      <c r="D43" s="13"/>
      <c r="E43" s="13"/>
      <c r="F43" s="13" t="s">
        <v>26</v>
      </c>
      <c r="G43" s="13"/>
      <c r="H43" s="13"/>
      <c r="I43" s="16">
        <v>0</v>
      </c>
      <c r="J43" s="23"/>
      <c r="K43" s="21"/>
      <c r="L43" s="13"/>
      <c r="M43" s="13"/>
      <c r="N43" s="13"/>
      <c r="O43" s="13"/>
      <c r="P43" s="13"/>
      <c r="Q43" s="13"/>
      <c r="R43" s="16"/>
      <c r="S43" s="55"/>
      <c r="T43" s="2"/>
    </row>
    <row r="44" spans="2:20" ht="22.5" customHeight="1" x14ac:dyDescent="0.15">
      <c r="B44" s="21"/>
      <c r="C44" s="13"/>
      <c r="D44" s="13" t="s">
        <v>30</v>
      </c>
      <c r="E44" s="13"/>
      <c r="F44" s="13"/>
      <c r="G44" s="13"/>
      <c r="H44" s="13"/>
      <c r="I44" s="16">
        <v>0</v>
      </c>
      <c r="J44" s="23"/>
      <c r="K44" s="21"/>
      <c r="L44" s="13"/>
      <c r="M44" s="13"/>
      <c r="N44" s="13"/>
      <c r="O44" s="13"/>
      <c r="P44" s="13"/>
      <c r="Q44" s="13"/>
      <c r="R44" s="16"/>
      <c r="S44" s="55"/>
      <c r="T44" s="2"/>
    </row>
    <row r="45" spans="2:20" ht="22.5" customHeight="1" x14ac:dyDescent="0.15">
      <c r="B45" s="21"/>
      <c r="C45" s="13"/>
      <c r="D45" s="13" t="s">
        <v>31</v>
      </c>
      <c r="E45" s="13"/>
      <c r="F45" s="13"/>
      <c r="G45" s="13"/>
      <c r="H45" s="13"/>
      <c r="I45" s="16">
        <v>0</v>
      </c>
      <c r="J45" s="23"/>
      <c r="K45" s="21"/>
      <c r="L45" s="13"/>
      <c r="M45" s="13"/>
      <c r="N45" s="13"/>
      <c r="O45" s="13"/>
      <c r="P45" s="13"/>
      <c r="Q45" s="13"/>
      <c r="R45" s="16"/>
      <c r="S45" s="55"/>
      <c r="T45" s="2"/>
    </row>
    <row r="46" spans="2:20" ht="22.5" customHeight="1" x14ac:dyDescent="0.15">
      <c r="B46" s="21"/>
      <c r="C46" s="13"/>
      <c r="D46" s="13" t="s">
        <v>32</v>
      </c>
      <c r="E46" s="13"/>
      <c r="F46" s="13"/>
      <c r="G46" s="13"/>
      <c r="H46" s="13"/>
      <c r="I46" s="16">
        <v>0</v>
      </c>
      <c r="J46" s="23"/>
      <c r="K46" s="21"/>
      <c r="L46" s="13"/>
      <c r="M46" s="13"/>
      <c r="N46" s="13"/>
      <c r="O46" s="13"/>
      <c r="P46" s="13"/>
      <c r="Q46" s="13"/>
      <c r="R46" s="16"/>
      <c r="S46" s="55"/>
      <c r="T46" s="2"/>
    </row>
    <row r="47" spans="2:20" ht="22.5" customHeight="1" x14ac:dyDescent="0.15">
      <c r="B47" s="21"/>
      <c r="C47" s="13"/>
      <c r="D47" s="13" t="s">
        <v>33</v>
      </c>
      <c r="E47" s="13"/>
      <c r="F47" s="13"/>
      <c r="G47" s="13"/>
      <c r="H47" s="13"/>
      <c r="I47" s="16">
        <v>0</v>
      </c>
      <c r="J47" s="23"/>
      <c r="K47" s="21"/>
      <c r="L47" s="13"/>
      <c r="M47" s="13"/>
      <c r="N47" s="13"/>
      <c r="O47" s="13"/>
      <c r="P47" s="13"/>
      <c r="Q47" s="13"/>
      <c r="R47" s="16"/>
      <c r="S47" s="55"/>
      <c r="T47" s="2"/>
    </row>
    <row r="48" spans="2:20" ht="22.5" customHeight="1" x14ac:dyDescent="0.15">
      <c r="B48" s="21"/>
      <c r="C48" s="13"/>
      <c r="D48" s="13" t="s">
        <v>34</v>
      </c>
      <c r="E48" s="13"/>
      <c r="F48" s="13"/>
      <c r="G48" s="13"/>
      <c r="H48" s="13"/>
      <c r="I48" s="16">
        <v>0</v>
      </c>
      <c r="J48" s="23"/>
      <c r="K48" s="21"/>
      <c r="L48" s="13"/>
      <c r="M48" s="13"/>
      <c r="N48" s="13"/>
      <c r="O48" s="13"/>
      <c r="P48" s="13"/>
      <c r="Q48" s="13"/>
      <c r="R48" s="16"/>
      <c r="S48" s="55"/>
      <c r="T48" s="2"/>
    </row>
    <row r="49" spans="2:20" ht="22.5" customHeight="1" x14ac:dyDescent="0.15">
      <c r="B49" s="21"/>
      <c r="C49" s="13"/>
      <c r="D49" s="13"/>
      <c r="E49" s="13" t="s">
        <v>35</v>
      </c>
      <c r="F49" s="13"/>
      <c r="G49" s="13"/>
      <c r="H49" s="13"/>
      <c r="I49" s="16">
        <v>0</v>
      </c>
      <c r="J49" s="23"/>
      <c r="K49" s="21"/>
      <c r="L49" s="13"/>
      <c r="M49" s="13"/>
      <c r="N49" s="13"/>
      <c r="O49" s="13"/>
      <c r="P49" s="13"/>
      <c r="Q49" s="13"/>
      <c r="R49" s="16"/>
      <c r="S49" s="55"/>
      <c r="T49" s="2"/>
    </row>
    <row r="50" spans="2:20" ht="22.5" customHeight="1" x14ac:dyDescent="0.15">
      <c r="B50" s="21"/>
      <c r="C50" s="13"/>
      <c r="D50" s="13"/>
      <c r="E50" s="13" t="s">
        <v>36</v>
      </c>
      <c r="F50" s="13"/>
      <c r="G50" s="13"/>
      <c r="H50" s="13"/>
      <c r="I50" s="16">
        <v>0</v>
      </c>
      <c r="J50" s="23"/>
      <c r="K50" s="21"/>
      <c r="L50" s="13"/>
      <c r="M50" s="13"/>
      <c r="N50" s="13"/>
      <c r="O50" s="13"/>
      <c r="P50" s="13"/>
      <c r="Q50" s="13"/>
      <c r="R50" s="16"/>
      <c r="S50" s="55"/>
      <c r="T50" s="2"/>
    </row>
    <row r="51" spans="2:20" ht="22.5" customHeight="1" x14ac:dyDescent="0.15">
      <c r="B51" s="21"/>
      <c r="C51" s="13"/>
      <c r="D51" s="13"/>
      <c r="E51" s="13" t="s">
        <v>37</v>
      </c>
      <c r="F51" s="13"/>
      <c r="G51" s="13"/>
      <c r="H51" s="13"/>
      <c r="I51" s="16">
        <v>0</v>
      </c>
      <c r="J51" s="23"/>
      <c r="K51" s="21"/>
      <c r="L51" s="13"/>
      <c r="M51" s="13"/>
      <c r="N51" s="13"/>
      <c r="O51" s="13"/>
      <c r="P51" s="13"/>
      <c r="Q51" s="13"/>
      <c r="R51" s="16"/>
      <c r="S51" s="55"/>
      <c r="T51" s="2"/>
    </row>
    <row r="52" spans="2:20" ht="22.5" customHeight="1" x14ac:dyDescent="0.15">
      <c r="B52" s="21"/>
      <c r="C52" s="13"/>
      <c r="D52" s="13" t="s">
        <v>38</v>
      </c>
      <c r="E52" s="13"/>
      <c r="F52" s="13"/>
      <c r="G52" s="13"/>
      <c r="H52" s="13"/>
      <c r="I52" s="16">
        <v>0</v>
      </c>
      <c r="J52" s="23"/>
      <c r="K52" s="21"/>
      <c r="L52" s="13"/>
      <c r="M52" s="13"/>
      <c r="N52" s="13"/>
      <c r="O52" s="13"/>
      <c r="P52" s="13"/>
      <c r="Q52" s="13"/>
      <c r="R52" s="16"/>
      <c r="S52" s="55"/>
      <c r="T52" s="2"/>
    </row>
    <row r="53" spans="2:20" ht="22.5" customHeight="1" x14ac:dyDescent="0.15">
      <c r="B53" s="21"/>
      <c r="C53" s="13"/>
      <c r="D53" s="13" t="s">
        <v>9</v>
      </c>
      <c r="E53" s="13"/>
      <c r="F53" s="13"/>
      <c r="G53" s="13"/>
      <c r="H53" s="13"/>
      <c r="I53" s="16">
        <v>550554004723</v>
      </c>
      <c r="J53" s="23"/>
      <c r="K53" s="21"/>
      <c r="L53" s="13"/>
      <c r="M53" s="13"/>
      <c r="N53" s="13"/>
      <c r="O53" s="13"/>
      <c r="P53" s="13"/>
      <c r="Q53" s="13"/>
      <c r="R53" s="16"/>
      <c r="S53" s="55"/>
      <c r="T53" s="2"/>
    </row>
    <row r="54" spans="2:20" ht="22.5" customHeight="1" x14ac:dyDescent="0.15">
      <c r="B54" s="21"/>
      <c r="C54" s="13"/>
      <c r="D54" s="13"/>
      <c r="E54" s="13" t="s">
        <v>11</v>
      </c>
      <c r="F54" s="13"/>
      <c r="G54" s="13"/>
      <c r="H54" s="13"/>
      <c r="I54" s="16">
        <v>550554004723</v>
      </c>
      <c r="J54" s="23"/>
      <c r="K54" s="21"/>
      <c r="L54" s="13"/>
      <c r="M54" s="13"/>
      <c r="N54" s="13"/>
      <c r="O54" s="13"/>
      <c r="P54" s="13"/>
      <c r="Q54" s="13"/>
      <c r="R54" s="16"/>
      <c r="S54" s="55"/>
      <c r="T54" s="2"/>
    </row>
    <row r="55" spans="2:20" ht="22.5" customHeight="1" x14ac:dyDescent="0.15">
      <c r="B55" s="21"/>
      <c r="C55" s="13"/>
      <c r="D55" s="13"/>
      <c r="E55" s="13" t="s">
        <v>39</v>
      </c>
      <c r="F55" s="13"/>
      <c r="G55" s="13"/>
      <c r="H55" s="13"/>
      <c r="I55" s="16">
        <v>0</v>
      </c>
      <c r="J55" s="23"/>
      <c r="K55" s="21"/>
      <c r="L55" s="13"/>
      <c r="M55" s="13"/>
      <c r="N55" s="13"/>
      <c r="O55" s="13"/>
      <c r="P55" s="13"/>
      <c r="Q55" s="13"/>
      <c r="R55" s="16"/>
      <c r="S55" s="55"/>
      <c r="T55" s="2"/>
    </row>
    <row r="56" spans="2:20" ht="22.5" customHeight="1" x14ac:dyDescent="0.15">
      <c r="B56" s="21"/>
      <c r="C56" s="13"/>
      <c r="D56" s="13" t="s">
        <v>8</v>
      </c>
      <c r="E56" s="13"/>
      <c r="F56" s="13"/>
      <c r="G56" s="13"/>
      <c r="H56" s="13"/>
      <c r="I56" s="16">
        <v>0</v>
      </c>
      <c r="J56" s="23"/>
      <c r="K56" s="21"/>
      <c r="L56" s="13"/>
      <c r="M56" s="13"/>
      <c r="N56" s="13"/>
      <c r="O56" s="13"/>
      <c r="P56" s="13"/>
      <c r="Q56" s="13"/>
      <c r="R56" s="16"/>
      <c r="S56" s="55"/>
      <c r="T56" s="2"/>
    </row>
    <row r="57" spans="2:20" ht="22.5" customHeight="1" x14ac:dyDescent="0.15">
      <c r="B57" s="21"/>
      <c r="C57" s="13"/>
      <c r="D57" s="13" t="s">
        <v>40</v>
      </c>
      <c r="E57" s="13"/>
      <c r="F57" s="13"/>
      <c r="G57" s="13"/>
      <c r="H57" s="13"/>
      <c r="I57" s="16">
        <v>0</v>
      </c>
      <c r="J57" s="23"/>
      <c r="K57" s="21"/>
      <c r="L57" s="13"/>
      <c r="M57" s="13"/>
      <c r="N57" s="13"/>
      <c r="O57" s="13"/>
      <c r="P57" s="13"/>
      <c r="Q57" s="13"/>
      <c r="R57" s="16"/>
      <c r="S57" s="55"/>
      <c r="T57" s="2"/>
    </row>
    <row r="58" spans="2:20" ht="22.5" customHeight="1" x14ac:dyDescent="0.15">
      <c r="B58" s="21"/>
      <c r="C58" s="13"/>
      <c r="D58" s="13" t="s">
        <v>8</v>
      </c>
      <c r="E58" s="13"/>
      <c r="F58" s="13"/>
      <c r="G58" s="13"/>
      <c r="H58" s="13"/>
      <c r="I58" s="16">
        <v>0</v>
      </c>
      <c r="J58" s="23"/>
      <c r="K58" s="21"/>
      <c r="L58" s="13"/>
      <c r="M58" s="13"/>
      <c r="N58" s="13"/>
      <c r="O58" s="13"/>
      <c r="P58" s="13"/>
      <c r="Q58" s="13"/>
      <c r="R58" s="16"/>
      <c r="S58" s="55"/>
      <c r="T58" s="2"/>
    </row>
    <row r="59" spans="2:20" ht="22.5" customHeight="1" x14ac:dyDescent="0.15">
      <c r="B59" s="21"/>
      <c r="C59" s="13"/>
      <c r="D59" s="13" t="s">
        <v>41</v>
      </c>
      <c r="E59" s="13"/>
      <c r="F59" s="13"/>
      <c r="G59" s="13"/>
      <c r="H59" s="13"/>
      <c r="I59" s="16">
        <v>0</v>
      </c>
      <c r="J59" s="23"/>
      <c r="K59" s="21"/>
      <c r="L59" s="13"/>
      <c r="M59" s="13"/>
      <c r="N59" s="13"/>
      <c r="O59" s="13"/>
      <c r="P59" s="13"/>
      <c r="Q59" s="13"/>
      <c r="R59" s="16"/>
      <c r="S59" s="55"/>
      <c r="T59" s="2"/>
    </row>
    <row r="60" spans="2:20" ht="22.5" customHeight="1" x14ac:dyDescent="0.15">
      <c r="B60" s="21"/>
      <c r="C60" s="13"/>
      <c r="D60" s="13" t="s">
        <v>8</v>
      </c>
      <c r="E60" s="13"/>
      <c r="F60" s="13"/>
      <c r="G60" s="13"/>
      <c r="H60" s="13"/>
      <c r="I60" s="14">
        <v>0</v>
      </c>
      <c r="J60" s="23"/>
      <c r="K60" s="45" t="s">
        <v>66</v>
      </c>
      <c r="L60" s="46"/>
      <c r="M60" s="47"/>
      <c r="N60" s="47"/>
      <c r="O60" s="47"/>
      <c r="P60" s="47"/>
      <c r="Q60" s="47"/>
      <c r="R60" s="48">
        <v>-46896306</v>
      </c>
      <c r="S60" s="52"/>
      <c r="T60" s="2"/>
    </row>
    <row r="61" spans="2:20" ht="22.5" customHeight="1" x14ac:dyDescent="0.15">
      <c r="B61" s="45" t="s">
        <v>65</v>
      </c>
      <c r="C61" s="46"/>
      <c r="D61" s="47"/>
      <c r="E61" s="47"/>
      <c r="F61" s="47"/>
      <c r="G61" s="47"/>
      <c r="H61" s="47"/>
      <c r="I61" s="48">
        <v>726952501616</v>
      </c>
      <c r="J61" s="49"/>
      <c r="K61" s="45" t="s">
        <v>67</v>
      </c>
      <c r="L61" s="47"/>
      <c r="M61" s="47"/>
      <c r="N61" s="47"/>
      <c r="O61" s="47"/>
      <c r="P61" s="47"/>
      <c r="Q61" s="47"/>
      <c r="R61" s="48">
        <v>726952501616</v>
      </c>
      <c r="S61" s="52"/>
      <c r="T61" s="2"/>
    </row>
    <row r="62" spans="2:20" ht="22.5" customHeight="1" x14ac:dyDescent="0.15">
      <c r="B62" s="13"/>
      <c r="C62" s="13"/>
      <c r="D62" s="13"/>
      <c r="E62" s="13"/>
      <c r="F62" s="13"/>
      <c r="G62" s="13"/>
      <c r="H62" s="13"/>
      <c r="I62" s="17"/>
      <c r="J62" s="2"/>
      <c r="K62" s="13"/>
      <c r="L62" s="13"/>
      <c r="M62" s="13"/>
      <c r="N62" s="13"/>
      <c r="O62" s="13"/>
      <c r="P62" s="13"/>
      <c r="Q62" s="13"/>
      <c r="R62" s="17"/>
      <c r="S62" s="17"/>
      <c r="T62" s="2"/>
    </row>
    <row r="63" spans="2:20" s="2" customFormat="1" ht="22.5" customHeight="1" x14ac:dyDescent="0.15">
      <c r="I63" s="17"/>
      <c r="R63" s="17"/>
      <c r="S63" s="17"/>
    </row>
    <row r="64" spans="2:20" s="2" customFormat="1" ht="22.5" customHeight="1" x14ac:dyDescent="0.15">
      <c r="I64" s="17"/>
      <c r="R64" s="17"/>
      <c r="S64" s="17"/>
    </row>
    <row r="65" spans="2:20" ht="22.5" customHeight="1" x14ac:dyDescent="0.15">
      <c r="B65" s="2"/>
      <c r="C65" s="2"/>
      <c r="D65" s="2"/>
      <c r="E65" s="2"/>
      <c r="F65" s="2"/>
      <c r="G65" s="2"/>
      <c r="H65" s="2"/>
      <c r="I65" s="18"/>
      <c r="J65" s="2"/>
      <c r="K65" s="2"/>
      <c r="L65" s="2"/>
      <c r="M65" s="2"/>
      <c r="N65" s="2"/>
      <c r="O65" s="2"/>
      <c r="P65" s="2"/>
      <c r="Q65" s="2"/>
      <c r="R65" s="18"/>
      <c r="S65" s="18"/>
      <c r="T65" s="2"/>
    </row>
    <row r="66" spans="2:20" ht="22.5" customHeight="1" x14ac:dyDescent="0.15">
      <c r="B66" s="2"/>
      <c r="C66" s="2"/>
      <c r="D66" s="2"/>
      <c r="E66" s="2"/>
      <c r="F66" s="2"/>
      <c r="G66" s="2"/>
      <c r="H66" s="2"/>
      <c r="I66" s="18"/>
      <c r="J66" s="2"/>
      <c r="K66" s="2"/>
      <c r="L66" s="2"/>
      <c r="M66" s="2"/>
      <c r="N66" s="2"/>
      <c r="O66" s="2"/>
      <c r="P66" s="2"/>
      <c r="Q66" s="2"/>
      <c r="R66" s="18"/>
      <c r="S66" s="18"/>
      <c r="T66" s="2"/>
    </row>
    <row r="67" spans="2:20" ht="22.5" customHeight="1" x14ac:dyDescent="0.15">
      <c r="B67" s="2"/>
      <c r="C67" s="2"/>
      <c r="D67" s="2"/>
      <c r="E67" s="2"/>
      <c r="F67" s="2"/>
      <c r="G67" s="2"/>
      <c r="H67" s="2"/>
      <c r="I67" s="18"/>
      <c r="J67" s="2"/>
      <c r="K67" s="2"/>
      <c r="L67" s="2"/>
      <c r="M67" s="2"/>
      <c r="N67" s="2"/>
      <c r="O67" s="2"/>
      <c r="P67" s="2"/>
      <c r="Q67" s="2"/>
      <c r="R67" s="18"/>
      <c r="S67" s="18"/>
    </row>
    <row r="68" spans="2:20" ht="22.5" customHeight="1" x14ac:dyDescent="0.15">
      <c r="B68" s="2"/>
      <c r="C68" s="2"/>
      <c r="D68" s="2"/>
      <c r="E68" s="2"/>
      <c r="F68" s="2"/>
      <c r="G68" s="2"/>
      <c r="H68" s="2"/>
      <c r="I68" s="18"/>
      <c r="J68" s="2"/>
      <c r="K68" s="2"/>
      <c r="L68" s="2"/>
      <c r="M68" s="2"/>
      <c r="N68" s="2"/>
      <c r="O68" s="2"/>
      <c r="P68" s="2"/>
      <c r="Q68" s="2"/>
      <c r="R68" s="18"/>
      <c r="S68" s="18"/>
    </row>
    <row r="69" spans="2:20" ht="22.5" customHeight="1" x14ac:dyDescent="0.15">
      <c r="B69" s="2"/>
      <c r="C69" s="2"/>
      <c r="D69" s="2"/>
      <c r="E69" s="2"/>
      <c r="F69" s="2"/>
      <c r="G69" s="2"/>
      <c r="H69" s="2"/>
      <c r="I69" s="18"/>
      <c r="J69" s="2"/>
      <c r="K69" s="2"/>
      <c r="L69" s="2"/>
      <c r="M69" s="2"/>
      <c r="N69" s="2"/>
      <c r="O69" s="2"/>
      <c r="P69" s="2"/>
      <c r="Q69" s="2"/>
      <c r="R69" s="18"/>
      <c r="S69" s="18"/>
    </row>
    <row r="70" spans="2:20" ht="22.5" customHeight="1" x14ac:dyDescent="0.15">
      <c r="B70" s="2"/>
      <c r="C70" s="2"/>
      <c r="D70" s="2"/>
      <c r="E70" s="2"/>
      <c r="F70" s="2"/>
      <c r="G70" s="2"/>
      <c r="H70" s="2"/>
      <c r="I70" s="18"/>
      <c r="J70" s="2"/>
      <c r="K70" s="2"/>
      <c r="L70" s="2"/>
      <c r="M70" s="2"/>
      <c r="N70" s="2"/>
      <c r="O70" s="2"/>
      <c r="P70" s="2"/>
      <c r="Q70" s="2"/>
      <c r="R70" s="18"/>
      <c r="S70" s="18"/>
    </row>
    <row r="71" spans="2:20" ht="22.5" customHeight="1" x14ac:dyDescent="0.15">
      <c r="B71" s="2"/>
      <c r="C71" s="2"/>
      <c r="D71" s="2"/>
      <c r="E71" s="2"/>
      <c r="F71" s="2"/>
      <c r="G71" s="2"/>
      <c r="H71" s="2"/>
      <c r="I71" s="18"/>
      <c r="J71" s="2"/>
      <c r="K71" s="2"/>
      <c r="L71" s="2"/>
      <c r="M71" s="2"/>
      <c r="N71" s="2"/>
      <c r="O71" s="2"/>
      <c r="P71" s="2"/>
      <c r="Q71" s="2"/>
      <c r="R71" s="18"/>
      <c r="S71" s="18"/>
    </row>
    <row r="72" spans="2:20" ht="22.5" customHeight="1" x14ac:dyDescent="0.15">
      <c r="B72" s="2"/>
      <c r="C72" s="2"/>
      <c r="D72" s="2"/>
      <c r="E72" s="2"/>
      <c r="F72" s="2"/>
      <c r="G72" s="2"/>
      <c r="H72" s="2"/>
      <c r="I72" s="18"/>
      <c r="J72" s="2"/>
      <c r="K72" s="2"/>
      <c r="L72" s="2"/>
      <c r="M72" s="2"/>
      <c r="N72" s="2"/>
      <c r="O72" s="2"/>
      <c r="P72" s="2"/>
      <c r="Q72" s="2"/>
      <c r="R72" s="18"/>
      <c r="S72" s="18"/>
    </row>
    <row r="73" spans="2:20" ht="22.5" customHeight="1" x14ac:dyDescent="0.15">
      <c r="B73" s="2"/>
      <c r="C73" s="2"/>
      <c r="D73" s="2"/>
      <c r="E73" s="2"/>
      <c r="F73" s="2"/>
      <c r="G73" s="2"/>
      <c r="H73" s="2"/>
      <c r="I73" s="18"/>
      <c r="J73" s="2"/>
      <c r="K73" s="2"/>
      <c r="L73" s="2"/>
      <c r="M73" s="2"/>
      <c r="N73" s="2"/>
      <c r="O73" s="2"/>
      <c r="P73" s="2"/>
      <c r="Q73" s="2"/>
      <c r="R73" s="18"/>
      <c r="S73" s="18"/>
    </row>
    <row r="74" spans="2:20" ht="22.5" customHeight="1" x14ac:dyDescent="0.15">
      <c r="B74" s="2"/>
      <c r="C74" s="2"/>
      <c r="D74" s="2"/>
      <c r="E74" s="2"/>
      <c r="F74" s="2"/>
      <c r="G74" s="2"/>
      <c r="H74" s="2"/>
      <c r="I74" s="18"/>
      <c r="J74" s="2"/>
      <c r="K74" s="2"/>
      <c r="L74" s="2"/>
      <c r="M74" s="2"/>
      <c r="N74" s="2"/>
      <c r="O74" s="2"/>
      <c r="P74" s="2"/>
      <c r="Q74" s="2"/>
      <c r="R74" s="18"/>
      <c r="S74" s="18"/>
    </row>
    <row r="75" spans="2:20" ht="22.5" customHeight="1" x14ac:dyDescent="0.15">
      <c r="B75" s="2"/>
      <c r="C75" s="2"/>
      <c r="D75" s="2"/>
      <c r="E75" s="2"/>
      <c r="F75" s="2"/>
      <c r="G75" s="2"/>
      <c r="H75" s="2"/>
      <c r="I75" s="18"/>
      <c r="J75" s="2"/>
      <c r="K75" s="2"/>
      <c r="L75" s="2"/>
      <c r="M75" s="2"/>
      <c r="N75" s="2"/>
      <c r="O75" s="2"/>
      <c r="P75" s="2"/>
      <c r="Q75" s="2"/>
      <c r="R75" s="18"/>
      <c r="S75" s="18"/>
    </row>
    <row r="76" spans="2:20" ht="22.5" customHeight="1" x14ac:dyDescent="0.15">
      <c r="B76" s="2"/>
      <c r="C76" s="2"/>
      <c r="D76" s="2"/>
      <c r="E76" s="2"/>
      <c r="F76" s="2"/>
      <c r="G76" s="2"/>
      <c r="H76" s="2"/>
      <c r="I76" s="18"/>
      <c r="J76" s="2"/>
      <c r="K76" s="2"/>
      <c r="L76" s="2"/>
      <c r="M76" s="2"/>
      <c r="N76" s="2"/>
      <c r="O76" s="2"/>
      <c r="P76" s="2"/>
      <c r="Q76" s="2"/>
      <c r="R76" s="18"/>
      <c r="S76" s="18"/>
    </row>
    <row r="77" spans="2:20" ht="22.5" customHeight="1" x14ac:dyDescent="0.15">
      <c r="B77" s="2"/>
      <c r="C77" s="2"/>
      <c r="D77" s="2"/>
      <c r="E77" s="2"/>
      <c r="F77" s="2"/>
      <c r="G77" s="2"/>
      <c r="H77" s="2"/>
      <c r="I77" s="18"/>
      <c r="J77" s="2"/>
      <c r="K77" s="2"/>
      <c r="L77" s="2"/>
      <c r="M77" s="2"/>
      <c r="N77" s="2"/>
      <c r="O77" s="2"/>
      <c r="P77" s="2"/>
      <c r="Q77" s="2"/>
      <c r="R77" s="18"/>
      <c r="S77" s="18"/>
    </row>
    <row r="78" spans="2:20" ht="22.5" customHeight="1" x14ac:dyDescent="0.15">
      <c r="B78" s="2"/>
      <c r="C78" s="2"/>
      <c r="D78" s="2"/>
      <c r="E78" s="2"/>
      <c r="F78" s="2"/>
      <c r="G78" s="2"/>
      <c r="H78" s="2"/>
      <c r="I78" s="18"/>
      <c r="J78" s="2"/>
      <c r="K78" s="2"/>
      <c r="L78" s="2"/>
      <c r="M78" s="2"/>
      <c r="N78" s="2"/>
      <c r="O78" s="2"/>
      <c r="P78" s="2"/>
      <c r="Q78" s="2"/>
      <c r="R78" s="18"/>
      <c r="S78" s="18"/>
    </row>
    <row r="79" spans="2:20" ht="22.5" customHeight="1" x14ac:dyDescent="0.15">
      <c r="B79" s="2"/>
      <c r="C79" s="2"/>
      <c r="D79" s="2"/>
      <c r="E79" s="2"/>
      <c r="F79" s="2"/>
      <c r="G79" s="2"/>
      <c r="H79" s="2"/>
      <c r="I79" s="18"/>
      <c r="J79" s="2"/>
      <c r="K79" s="2"/>
      <c r="L79" s="2"/>
      <c r="M79" s="2"/>
      <c r="N79" s="2"/>
      <c r="O79" s="2"/>
      <c r="P79" s="2"/>
      <c r="Q79" s="2"/>
      <c r="R79" s="18"/>
      <c r="S79" s="18"/>
    </row>
    <row r="80" spans="2:20" ht="22.5" customHeight="1" x14ac:dyDescent="0.15">
      <c r="B80" s="2"/>
      <c r="C80" s="2"/>
      <c r="D80" s="2"/>
      <c r="E80" s="2"/>
      <c r="F80" s="2"/>
      <c r="G80" s="2"/>
      <c r="H80" s="2"/>
      <c r="I80" s="18"/>
      <c r="J80" s="2"/>
      <c r="K80" s="2"/>
      <c r="L80" s="2"/>
      <c r="M80" s="2"/>
      <c r="N80" s="2"/>
      <c r="O80" s="2"/>
      <c r="P80" s="2"/>
      <c r="Q80" s="2"/>
      <c r="R80" s="18"/>
      <c r="S80" s="18"/>
    </row>
    <row r="81" spans="2:19" ht="22.5" customHeight="1" x14ac:dyDescent="0.15">
      <c r="B81" s="2"/>
      <c r="C81" s="2"/>
      <c r="D81" s="2"/>
      <c r="E81" s="2"/>
      <c r="F81" s="2"/>
      <c r="G81" s="2"/>
      <c r="H81" s="2"/>
      <c r="I81" s="18"/>
      <c r="J81" s="2"/>
      <c r="K81" s="2"/>
      <c r="L81" s="2"/>
      <c r="M81" s="2"/>
      <c r="N81" s="2"/>
      <c r="O81" s="2"/>
      <c r="P81" s="2"/>
      <c r="Q81" s="2"/>
      <c r="R81" s="18"/>
      <c r="S81" s="18"/>
    </row>
    <row r="82" spans="2:19" ht="22.5" customHeight="1" x14ac:dyDescent="0.15">
      <c r="B82" s="2"/>
      <c r="C82" s="2"/>
      <c r="D82" s="2"/>
      <c r="E82" s="2"/>
      <c r="F82" s="2"/>
      <c r="G82" s="2"/>
      <c r="H82" s="2"/>
      <c r="I82" s="18"/>
      <c r="J82" s="2"/>
      <c r="K82" s="2"/>
      <c r="L82" s="2"/>
      <c r="M82" s="2"/>
      <c r="N82" s="2"/>
      <c r="O82" s="2"/>
      <c r="P82" s="2"/>
      <c r="Q82" s="2"/>
      <c r="R82" s="18"/>
      <c r="S82" s="18"/>
    </row>
    <row r="83" spans="2:19" ht="22.5" customHeight="1" x14ac:dyDescent="0.15">
      <c r="B83" s="2"/>
      <c r="C83" s="2"/>
      <c r="D83" s="2"/>
      <c r="E83" s="2"/>
      <c r="F83" s="2"/>
      <c r="G83" s="2"/>
      <c r="H83" s="2"/>
      <c r="I83" s="18"/>
      <c r="J83" s="2"/>
      <c r="K83" s="2"/>
      <c r="L83" s="2"/>
      <c r="M83" s="2"/>
      <c r="N83" s="2"/>
      <c r="O83" s="2"/>
      <c r="P83" s="2"/>
      <c r="Q83" s="2"/>
      <c r="R83" s="18"/>
      <c r="S83" s="18"/>
    </row>
    <row r="84" spans="2:19" ht="22.5" customHeight="1" x14ac:dyDescent="0.15">
      <c r="B84" s="2"/>
      <c r="C84" s="2"/>
      <c r="D84" s="2"/>
      <c r="E84" s="2"/>
      <c r="F84" s="2"/>
      <c r="G84" s="2"/>
      <c r="H84" s="2"/>
      <c r="I84" s="18"/>
      <c r="J84" s="2"/>
      <c r="K84" s="2"/>
      <c r="L84" s="2"/>
      <c r="M84" s="2"/>
      <c r="N84" s="2"/>
      <c r="O84" s="2"/>
      <c r="P84" s="2"/>
      <c r="Q84" s="2"/>
      <c r="R84" s="18"/>
      <c r="S84" s="18"/>
    </row>
    <row r="85" spans="2:19" ht="22.5" customHeight="1" x14ac:dyDescent="0.15">
      <c r="B85" s="2"/>
      <c r="C85" s="2"/>
      <c r="D85" s="2"/>
      <c r="E85" s="2"/>
      <c r="F85" s="2"/>
      <c r="G85" s="2"/>
      <c r="H85" s="2"/>
      <c r="I85" s="18"/>
      <c r="J85" s="2"/>
      <c r="K85" s="2"/>
      <c r="L85" s="2"/>
      <c r="M85" s="2"/>
      <c r="N85" s="2"/>
      <c r="O85" s="2"/>
      <c r="P85" s="2"/>
      <c r="Q85" s="2"/>
      <c r="R85" s="18"/>
      <c r="S85" s="18"/>
    </row>
    <row r="86" spans="2:19" ht="22.5" customHeight="1" x14ac:dyDescent="0.15">
      <c r="B86" s="2"/>
      <c r="C86" s="2"/>
      <c r="D86" s="2"/>
      <c r="E86" s="2"/>
      <c r="F86" s="2"/>
      <c r="G86" s="2"/>
      <c r="H86" s="2"/>
      <c r="I86" s="18"/>
      <c r="J86" s="2"/>
      <c r="K86" s="2"/>
      <c r="L86" s="2"/>
      <c r="M86" s="2"/>
      <c r="N86" s="2"/>
      <c r="O86" s="2"/>
      <c r="P86" s="2"/>
      <c r="Q86" s="2"/>
      <c r="R86" s="18"/>
      <c r="S86" s="18"/>
    </row>
    <row r="87" spans="2:19" ht="22.5" customHeight="1" x14ac:dyDescent="0.15">
      <c r="B87" s="2"/>
      <c r="C87" s="2"/>
      <c r="D87" s="2"/>
      <c r="E87" s="2"/>
      <c r="F87" s="2"/>
      <c r="G87" s="2"/>
      <c r="H87" s="2"/>
      <c r="I87" s="18"/>
      <c r="J87" s="2"/>
      <c r="K87" s="2"/>
      <c r="L87" s="2"/>
      <c r="M87" s="2"/>
      <c r="N87" s="2"/>
      <c r="O87" s="2"/>
      <c r="P87" s="2"/>
      <c r="Q87" s="2"/>
      <c r="R87" s="18"/>
      <c r="S87" s="18"/>
    </row>
    <row r="88" spans="2:19" ht="22.5" customHeight="1" x14ac:dyDescent="0.15">
      <c r="B88" s="2"/>
      <c r="C88" s="2"/>
      <c r="D88" s="2"/>
      <c r="E88" s="2"/>
      <c r="F88" s="2"/>
      <c r="G88" s="2"/>
      <c r="H88" s="2"/>
      <c r="I88" s="18"/>
      <c r="J88" s="2"/>
      <c r="K88" s="2"/>
      <c r="L88" s="2"/>
      <c r="M88" s="2"/>
      <c r="N88" s="2"/>
      <c r="O88" s="2"/>
      <c r="P88" s="2"/>
      <c r="Q88" s="2"/>
      <c r="R88" s="18"/>
      <c r="S88" s="18"/>
    </row>
    <row r="89" spans="2:19" ht="22.5" customHeight="1" x14ac:dyDescent="0.15">
      <c r="B89" s="2"/>
      <c r="C89" s="2"/>
      <c r="D89" s="2"/>
      <c r="E89" s="2"/>
      <c r="F89" s="2"/>
      <c r="G89" s="2"/>
      <c r="H89" s="2"/>
      <c r="I89" s="18"/>
      <c r="J89" s="2"/>
      <c r="K89" s="2"/>
      <c r="L89" s="2"/>
      <c r="M89" s="2"/>
      <c r="N89" s="2"/>
      <c r="O89" s="2"/>
      <c r="P89" s="2"/>
      <c r="Q89" s="2"/>
      <c r="R89" s="18"/>
      <c r="S89" s="18"/>
    </row>
    <row r="90" spans="2:19" ht="22.5" customHeight="1" x14ac:dyDescent="0.15">
      <c r="B90" s="2"/>
      <c r="C90" s="2"/>
      <c r="D90" s="2"/>
      <c r="E90" s="2"/>
      <c r="F90" s="2"/>
      <c r="G90" s="2"/>
      <c r="H90" s="2"/>
      <c r="I90" s="18"/>
      <c r="J90" s="2"/>
      <c r="K90" s="2"/>
      <c r="L90" s="2"/>
      <c r="M90" s="2"/>
      <c r="N90" s="2"/>
      <c r="O90" s="2"/>
      <c r="P90" s="2"/>
      <c r="Q90" s="2"/>
      <c r="R90" s="18"/>
      <c r="S90" s="18"/>
    </row>
    <row r="91" spans="2:19" ht="22.5" customHeight="1" x14ac:dyDescent="0.15">
      <c r="B91" s="2"/>
      <c r="C91" s="2"/>
      <c r="D91" s="2"/>
      <c r="E91" s="2"/>
      <c r="F91" s="2"/>
      <c r="G91" s="2"/>
      <c r="H91" s="2"/>
      <c r="I91" s="18"/>
      <c r="J91" s="2"/>
      <c r="K91" s="2"/>
      <c r="L91" s="2"/>
      <c r="M91" s="2"/>
      <c r="N91" s="2"/>
      <c r="O91" s="2"/>
      <c r="P91" s="2"/>
      <c r="Q91" s="2"/>
      <c r="R91" s="18"/>
      <c r="S91" s="18"/>
    </row>
    <row r="92" spans="2:19" ht="22.5" customHeight="1" x14ac:dyDescent="0.15">
      <c r="B92" s="2"/>
      <c r="C92" s="2"/>
      <c r="D92" s="2"/>
      <c r="E92" s="2"/>
      <c r="F92" s="2"/>
      <c r="G92" s="2"/>
      <c r="H92" s="2"/>
      <c r="I92" s="18"/>
      <c r="J92" s="2"/>
      <c r="K92" s="2"/>
      <c r="L92" s="2"/>
      <c r="M92" s="2"/>
      <c r="N92" s="2"/>
      <c r="O92" s="2"/>
      <c r="P92" s="2"/>
      <c r="Q92" s="2"/>
      <c r="R92" s="18"/>
      <c r="S92" s="18"/>
    </row>
    <row r="93" spans="2:19" ht="22.5" customHeight="1" x14ac:dyDescent="0.15">
      <c r="B93" s="2"/>
      <c r="C93" s="2"/>
      <c r="D93" s="2"/>
      <c r="E93" s="2"/>
      <c r="F93" s="2"/>
      <c r="G93" s="2"/>
      <c r="H93" s="2"/>
      <c r="I93" s="18"/>
      <c r="J93" s="2"/>
      <c r="K93" s="2"/>
      <c r="L93" s="2"/>
      <c r="M93" s="2"/>
      <c r="N93" s="2"/>
      <c r="O93" s="2"/>
      <c r="P93" s="2"/>
      <c r="Q93" s="2"/>
      <c r="R93" s="18"/>
      <c r="S93" s="18"/>
    </row>
    <row r="94" spans="2:19" ht="22.5" customHeight="1" x14ac:dyDescent="0.15">
      <c r="B94" s="2"/>
      <c r="C94" s="2"/>
      <c r="D94" s="2"/>
      <c r="E94" s="2"/>
      <c r="F94" s="2"/>
      <c r="G94" s="2"/>
      <c r="H94" s="2"/>
      <c r="I94" s="18"/>
      <c r="J94" s="2"/>
      <c r="K94" s="2"/>
      <c r="L94" s="2"/>
      <c r="M94" s="2"/>
      <c r="N94" s="2"/>
      <c r="O94" s="2"/>
      <c r="P94" s="2"/>
      <c r="Q94" s="2"/>
      <c r="R94" s="18"/>
      <c r="S94" s="18"/>
    </row>
    <row r="95" spans="2:19" ht="22.5" customHeight="1" x14ac:dyDescent="0.15">
      <c r="B95" s="2"/>
      <c r="C95" s="2"/>
      <c r="D95" s="2"/>
      <c r="E95" s="2"/>
      <c r="F95" s="2"/>
      <c r="G95" s="2"/>
      <c r="H95" s="2"/>
      <c r="I95" s="18"/>
      <c r="J95" s="2"/>
      <c r="K95" s="2"/>
      <c r="L95" s="2"/>
      <c r="M95" s="2"/>
      <c r="N95" s="2"/>
      <c r="O95" s="2"/>
      <c r="P95" s="2"/>
      <c r="Q95" s="2"/>
      <c r="R95" s="18"/>
      <c r="S95" s="18"/>
    </row>
    <row r="96" spans="2:19" ht="22.5" customHeight="1" x14ac:dyDescent="0.15">
      <c r="B96" s="2"/>
      <c r="C96" s="2"/>
      <c r="D96" s="2"/>
      <c r="E96" s="2"/>
      <c r="F96" s="2"/>
      <c r="G96" s="2"/>
      <c r="H96" s="2"/>
      <c r="I96" s="18"/>
      <c r="J96" s="2"/>
      <c r="K96" s="2"/>
      <c r="L96" s="2"/>
      <c r="M96" s="2"/>
      <c r="N96" s="2"/>
      <c r="O96" s="2"/>
      <c r="P96" s="2"/>
      <c r="Q96" s="2"/>
      <c r="R96" s="18"/>
      <c r="S96" s="18"/>
    </row>
    <row r="97" spans="2:19" ht="22.5" customHeight="1" x14ac:dyDescent="0.15">
      <c r="B97" s="2"/>
      <c r="C97" s="2"/>
      <c r="D97" s="2"/>
      <c r="E97" s="2"/>
      <c r="F97" s="2"/>
      <c r="G97" s="2"/>
      <c r="H97" s="2"/>
      <c r="I97" s="18"/>
      <c r="J97" s="2"/>
      <c r="K97" s="2"/>
      <c r="L97" s="2"/>
      <c r="M97" s="2"/>
      <c r="N97" s="2"/>
      <c r="O97" s="2"/>
      <c r="P97" s="2"/>
      <c r="Q97" s="2"/>
      <c r="R97" s="18"/>
      <c r="S97" s="18"/>
    </row>
    <row r="98" spans="2:19" ht="22.5" customHeight="1" x14ac:dyDescent="0.15">
      <c r="B98" s="2"/>
      <c r="C98" s="2"/>
      <c r="D98" s="2"/>
      <c r="E98" s="2"/>
      <c r="F98" s="2"/>
      <c r="G98" s="2"/>
      <c r="H98" s="2"/>
      <c r="I98" s="18"/>
      <c r="J98" s="2"/>
      <c r="K98" s="2"/>
      <c r="L98" s="2"/>
      <c r="M98" s="2"/>
      <c r="N98" s="2"/>
      <c r="O98" s="2"/>
      <c r="P98" s="2"/>
      <c r="Q98" s="2"/>
      <c r="R98" s="18"/>
      <c r="S98" s="18"/>
    </row>
    <row r="99" spans="2:19" ht="22.5" customHeight="1" x14ac:dyDescent="0.15">
      <c r="B99" s="2"/>
      <c r="C99" s="2"/>
      <c r="D99" s="2"/>
      <c r="E99" s="2"/>
      <c r="F99" s="2"/>
      <c r="G99" s="2"/>
      <c r="H99" s="2"/>
      <c r="I99" s="18"/>
      <c r="J99" s="2"/>
      <c r="K99" s="2"/>
      <c r="L99" s="2"/>
      <c r="M99" s="2"/>
      <c r="N99" s="2"/>
      <c r="O99" s="2"/>
      <c r="P99" s="2"/>
      <c r="Q99" s="2"/>
      <c r="R99" s="18"/>
      <c r="S99" s="18"/>
    </row>
    <row r="100" spans="2:19" ht="22.5" customHeight="1" x14ac:dyDescent="0.15">
      <c r="B100" s="2"/>
      <c r="C100" s="2"/>
      <c r="D100" s="2"/>
      <c r="E100" s="2"/>
      <c r="F100" s="2"/>
      <c r="G100" s="2"/>
      <c r="H100" s="2"/>
      <c r="I100" s="18"/>
      <c r="J100" s="2"/>
      <c r="K100" s="2"/>
      <c r="L100" s="2"/>
      <c r="M100" s="2"/>
      <c r="N100" s="2"/>
      <c r="O100" s="2"/>
      <c r="P100" s="2"/>
      <c r="Q100" s="2"/>
      <c r="R100" s="18"/>
      <c r="S100" s="18"/>
    </row>
    <row r="101" spans="2:19" ht="22.5" customHeight="1" x14ac:dyDescent="0.15">
      <c r="B101" s="2"/>
      <c r="C101" s="2"/>
      <c r="D101" s="2"/>
      <c r="E101" s="2"/>
      <c r="F101" s="2"/>
      <c r="G101" s="2"/>
      <c r="H101" s="2"/>
      <c r="I101" s="18"/>
      <c r="J101" s="2"/>
      <c r="K101" s="2"/>
      <c r="L101" s="2"/>
      <c r="M101" s="2"/>
      <c r="N101" s="2"/>
      <c r="O101" s="2"/>
      <c r="P101" s="2"/>
      <c r="Q101" s="2"/>
      <c r="R101" s="18"/>
      <c r="S101" s="18"/>
    </row>
    <row r="102" spans="2:19" ht="22.5" customHeight="1" x14ac:dyDescent="0.15">
      <c r="I102" s="19"/>
      <c r="R102" s="19"/>
      <c r="S102" s="19"/>
    </row>
    <row r="103" spans="2:19" ht="22.5" customHeight="1" x14ac:dyDescent="0.15">
      <c r="I103" s="19"/>
      <c r="R103" s="19"/>
      <c r="S103" s="19"/>
    </row>
    <row r="104" spans="2:19" ht="22.5" customHeight="1" x14ac:dyDescent="0.15">
      <c r="I104" s="19"/>
      <c r="R104" s="19"/>
      <c r="S104" s="19"/>
    </row>
    <row r="105" spans="2:19" ht="22.5" customHeight="1" x14ac:dyDescent="0.15">
      <c r="I105" s="19"/>
      <c r="R105" s="19"/>
      <c r="S105" s="19"/>
    </row>
    <row r="106" spans="2:19" ht="22.5" customHeight="1" x14ac:dyDescent="0.15">
      <c r="I106" s="19"/>
      <c r="R106" s="19"/>
      <c r="S106" s="19"/>
    </row>
    <row r="107" spans="2:19" ht="22.5" customHeight="1" x14ac:dyDescent="0.15">
      <c r="I107" s="19"/>
      <c r="R107" s="19"/>
      <c r="S107" s="19"/>
    </row>
    <row r="108" spans="2:19" ht="22.5" customHeight="1" x14ac:dyDescent="0.15">
      <c r="I108" s="19"/>
      <c r="R108" s="19"/>
      <c r="S108" s="19"/>
    </row>
    <row r="109" spans="2:19" ht="22.5" customHeight="1" x14ac:dyDescent="0.15">
      <c r="I109" s="19"/>
      <c r="R109" s="19"/>
      <c r="S109" s="19"/>
    </row>
    <row r="110" spans="2:19" ht="22.5" customHeight="1" x14ac:dyDescent="0.15">
      <c r="I110" s="19"/>
      <c r="R110" s="19"/>
      <c r="S110" s="19"/>
    </row>
    <row r="111" spans="2:19" ht="22.5" customHeight="1" x14ac:dyDescent="0.15">
      <c r="I111" s="19"/>
      <c r="R111" s="19"/>
      <c r="S111" s="19"/>
    </row>
    <row r="112" spans="2:19" ht="22.5" customHeight="1" x14ac:dyDescent="0.15">
      <c r="I112" s="19"/>
      <c r="R112" s="19"/>
      <c r="S112" s="19"/>
    </row>
    <row r="113" spans="9:19" ht="22.5" customHeight="1" x14ac:dyDescent="0.15">
      <c r="I113" s="19"/>
      <c r="R113" s="19"/>
      <c r="S113" s="19"/>
    </row>
    <row r="114" spans="9:19" ht="22.5" customHeight="1" x14ac:dyDescent="0.15">
      <c r="I114" s="19"/>
      <c r="R114" s="19"/>
      <c r="S114" s="19"/>
    </row>
    <row r="115" spans="9:19" ht="22.5" customHeight="1" x14ac:dyDescent="0.15">
      <c r="I115" s="19"/>
      <c r="R115" s="19"/>
      <c r="S115" s="19"/>
    </row>
    <row r="116" spans="9:19" ht="22.5" customHeight="1" x14ac:dyDescent="0.15">
      <c r="I116" s="19"/>
      <c r="R116" s="19"/>
      <c r="S116" s="19"/>
    </row>
    <row r="117" spans="9:19" ht="22.5" customHeight="1" x14ac:dyDescent="0.15">
      <c r="I117" s="19"/>
      <c r="R117" s="19"/>
      <c r="S117" s="19"/>
    </row>
    <row r="118" spans="9:19" ht="22.5" customHeight="1" x14ac:dyDescent="0.15">
      <c r="I118" s="19"/>
      <c r="R118" s="19"/>
      <c r="S118" s="19"/>
    </row>
    <row r="119" spans="9:19" ht="22.5" customHeight="1" x14ac:dyDescent="0.15">
      <c r="I119" s="19"/>
      <c r="R119" s="19"/>
      <c r="S119" s="19"/>
    </row>
    <row r="120" spans="9:19" ht="22.5" customHeight="1" x14ac:dyDescent="0.15">
      <c r="I120" s="19"/>
      <c r="R120" s="19"/>
      <c r="S120" s="19"/>
    </row>
    <row r="121" spans="9:19" ht="22.5" customHeight="1" x14ac:dyDescent="0.15">
      <c r="I121" s="19"/>
      <c r="R121" s="19"/>
      <c r="S121" s="19"/>
    </row>
    <row r="122" spans="9:19" ht="22.5" customHeight="1" x14ac:dyDescent="0.15">
      <c r="I122" s="19"/>
      <c r="R122" s="19"/>
      <c r="S122" s="19"/>
    </row>
    <row r="123" spans="9:19" ht="22.5" customHeight="1" x14ac:dyDescent="0.15">
      <c r="I123" s="19"/>
      <c r="R123" s="19"/>
      <c r="S123" s="19"/>
    </row>
    <row r="124" spans="9:19" ht="22.5" customHeight="1" x14ac:dyDescent="0.15">
      <c r="I124" s="19"/>
      <c r="R124" s="19"/>
      <c r="S124" s="19"/>
    </row>
    <row r="125" spans="9:19" ht="22.5" customHeight="1" x14ac:dyDescent="0.15">
      <c r="I125" s="19"/>
      <c r="R125" s="19"/>
      <c r="S125" s="19"/>
    </row>
    <row r="126" spans="9:19" ht="22.5" customHeight="1" x14ac:dyDescent="0.15">
      <c r="I126" s="19"/>
      <c r="R126" s="19"/>
      <c r="S126" s="19"/>
    </row>
    <row r="127" spans="9:19" ht="22.5" customHeight="1" x14ac:dyDescent="0.15">
      <c r="I127" s="19"/>
      <c r="R127" s="19"/>
      <c r="S127" s="19"/>
    </row>
    <row r="128" spans="9:19" ht="22.5" customHeight="1" x14ac:dyDescent="0.15">
      <c r="I128" s="19"/>
      <c r="R128" s="19"/>
      <c r="S128" s="19"/>
    </row>
    <row r="129" spans="9:19" ht="22.5" customHeight="1" x14ac:dyDescent="0.15">
      <c r="I129" s="19"/>
      <c r="R129" s="19"/>
      <c r="S129" s="19"/>
    </row>
    <row r="130" spans="9:19" ht="22.5" customHeight="1" x14ac:dyDescent="0.15">
      <c r="I130" s="19"/>
      <c r="R130" s="19"/>
      <c r="S130" s="19"/>
    </row>
    <row r="131" spans="9:19" ht="22.5" customHeight="1" x14ac:dyDescent="0.15">
      <c r="I131" s="19"/>
      <c r="R131" s="19"/>
      <c r="S131" s="19"/>
    </row>
    <row r="132" spans="9:19" ht="22.5" customHeight="1" x14ac:dyDescent="0.15">
      <c r="I132" s="19"/>
      <c r="R132" s="19"/>
      <c r="S132" s="19"/>
    </row>
    <row r="133" spans="9:19" ht="22.5" customHeight="1" x14ac:dyDescent="0.15">
      <c r="I133" s="19"/>
      <c r="R133" s="19"/>
      <c r="S133" s="19"/>
    </row>
    <row r="134" spans="9:19" ht="22.5" customHeight="1" x14ac:dyDescent="0.15">
      <c r="I134" s="19"/>
      <c r="R134" s="19"/>
      <c r="S134" s="19"/>
    </row>
    <row r="135" spans="9:19" ht="22.5" customHeight="1" x14ac:dyDescent="0.15">
      <c r="I135" s="19"/>
      <c r="R135" s="19"/>
      <c r="S135" s="19"/>
    </row>
    <row r="136" spans="9:19" ht="22.5" customHeight="1" x14ac:dyDescent="0.15">
      <c r="I136" s="19"/>
      <c r="R136" s="19"/>
      <c r="S136" s="19"/>
    </row>
    <row r="137" spans="9:19" ht="22.5" customHeight="1" x14ac:dyDescent="0.15">
      <c r="I137" s="19"/>
      <c r="R137" s="19"/>
      <c r="S137" s="19"/>
    </row>
    <row r="138" spans="9:19" ht="22.5" customHeight="1" x14ac:dyDescent="0.15">
      <c r="I138" s="19"/>
      <c r="R138" s="19"/>
      <c r="S138" s="19"/>
    </row>
    <row r="139" spans="9:19" ht="22.5" customHeight="1" x14ac:dyDescent="0.15">
      <c r="I139" s="19"/>
      <c r="R139" s="19"/>
      <c r="S139" s="19"/>
    </row>
    <row r="140" spans="9:19" ht="22.5" customHeight="1" x14ac:dyDescent="0.15">
      <c r="I140" s="19"/>
      <c r="R140" s="19"/>
      <c r="S140" s="19"/>
    </row>
    <row r="141" spans="9:19" ht="22.5" customHeight="1" x14ac:dyDescent="0.15">
      <c r="I141" s="19"/>
      <c r="R141" s="19"/>
      <c r="S141" s="19"/>
    </row>
    <row r="142" spans="9:19" ht="22.5" customHeight="1" x14ac:dyDescent="0.15">
      <c r="I142" s="19"/>
      <c r="R142" s="19"/>
      <c r="S142" s="19"/>
    </row>
    <row r="143" spans="9:19" ht="22.5" customHeight="1" x14ac:dyDescent="0.15">
      <c r="I143" s="19"/>
      <c r="R143" s="19"/>
      <c r="S143" s="19"/>
    </row>
    <row r="144" spans="9:19" ht="22.5" customHeight="1" x14ac:dyDescent="0.15">
      <c r="I144" s="19"/>
      <c r="R144" s="19"/>
      <c r="S144" s="19"/>
    </row>
    <row r="145" spans="9:19" ht="22.5" customHeight="1" x14ac:dyDescent="0.15">
      <c r="I145" s="19"/>
      <c r="R145" s="19"/>
      <c r="S145" s="19"/>
    </row>
    <row r="146" spans="9:19" ht="22.5" customHeight="1" x14ac:dyDescent="0.15">
      <c r="I146" s="19"/>
      <c r="R146" s="19"/>
      <c r="S146" s="19"/>
    </row>
    <row r="147" spans="9:19" ht="22.5" customHeight="1" x14ac:dyDescent="0.15">
      <c r="I147" s="19"/>
      <c r="R147" s="19"/>
      <c r="S147" s="19"/>
    </row>
    <row r="148" spans="9:19" ht="22.5" customHeight="1" x14ac:dyDescent="0.15">
      <c r="I148" s="19"/>
      <c r="R148" s="19"/>
      <c r="S148" s="19"/>
    </row>
    <row r="149" spans="9:19" ht="22.5" customHeight="1" x14ac:dyDescent="0.15">
      <c r="I149" s="19"/>
      <c r="R149" s="19"/>
      <c r="S149" s="19"/>
    </row>
    <row r="150" spans="9:19" ht="22.5" customHeight="1" x14ac:dyDescent="0.15">
      <c r="I150" s="19"/>
      <c r="R150" s="19"/>
      <c r="S150" s="19"/>
    </row>
    <row r="151" spans="9:19" ht="22.5" customHeight="1" x14ac:dyDescent="0.15">
      <c r="I151" s="19"/>
      <c r="R151" s="19"/>
      <c r="S151" s="19"/>
    </row>
    <row r="152" spans="9:19" ht="22.5" customHeight="1" x14ac:dyDescent="0.15">
      <c r="I152" s="19"/>
      <c r="R152" s="19"/>
      <c r="S152" s="19"/>
    </row>
    <row r="153" spans="9:19" ht="22.5" customHeight="1" x14ac:dyDescent="0.15">
      <c r="I153" s="19"/>
      <c r="R153" s="19"/>
      <c r="S153" s="19"/>
    </row>
    <row r="154" spans="9:19" ht="22.5" customHeight="1" x14ac:dyDescent="0.15">
      <c r="I154" s="19"/>
      <c r="R154" s="19"/>
      <c r="S154" s="19"/>
    </row>
    <row r="155" spans="9:19" ht="22.5" customHeight="1" x14ac:dyDescent="0.15">
      <c r="I155" s="19"/>
      <c r="R155" s="19"/>
      <c r="S155" s="19"/>
    </row>
    <row r="156" spans="9:19" ht="22.5" customHeight="1" x14ac:dyDescent="0.15">
      <c r="I156" s="19"/>
      <c r="R156" s="19"/>
      <c r="S156" s="19"/>
    </row>
    <row r="157" spans="9:19" ht="22.5" customHeight="1" x14ac:dyDescent="0.15">
      <c r="I157" s="19"/>
      <c r="R157" s="19"/>
      <c r="S157" s="19"/>
    </row>
    <row r="158" spans="9:19" ht="22.5" customHeight="1" x14ac:dyDescent="0.15">
      <c r="I158" s="19"/>
      <c r="R158" s="19"/>
      <c r="S158" s="19"/>
    </row>
    <row r="159" spans="9:19" ht="22.5" customHeight="1" x14ac:dyDescent="0.15">
      <c r="I159" s="19"/>
      <c r="R159" s="19"/>
      <c r="S159" s="19"/>
    </row>
    <row r="160" spans="9:19" ht="22.5" customHeight="1" x14ac:dyDescent="0.15">
      <c r="I160" s="19"/>
      <c r="R160" s="19"/>
      <c r="S160" s="19"/>
    </row>
    <row r="161" spans="9:19" ht="22.5" customHeight="1" x14ac:dyDescent="0.15">
      <c r="I161" s="19"/>
      <c r="R161" s="19"/>
      <c r="S161" s="19"/>
    </row>
    <row r="162" spans="9:19" ht="22.5" customHeight="1" x14ac:dyDescent="0.15">
      <c r="I162" s="19"/>
      <c r="R162" s="19"/>
      <c r="S162" s="19"/>
    </row>
    <row r="163" spans="9:19" ht="22.5" customHeight="1" x14ac:dyDescent="0.15">
      <c r="I163" s="19"/>
      <c r="R163" s="19"/>
      <c r="S163" s="19"/>
    </row>
    <row r="164" spans="9:19" ht="22.5" customHeight="1" x14ac:dyDescent="0.15">
      <c r="I164" s="19"/>
      <c r="R164" s="19"/>
      <c r="S164" s="19"/>
    </row>
    <row r="165" spans="9:19" ht="22.5" customHeight="1" x14ac:dyDescent="0.15">
      <c r="I165" s="19"/>
      <c r="R165" s="19"/>
      <c r="S165" s="19"/>
    </row>
    <row r="166" spans="9:19" ht="22.5" customHeight="1" x14ac:dyDescent="0.15">
      <c r="I166" s="19"/>
      <c r="R166" s="19"/>
      <c r="S166" s="19"/>
    </row>
    <row r="167" spans="9:19" ht="22.5" customHeight="1" x14ac:dyDescent="0.15">
      <c r="I167" s="19"/>
      <c r="R167" s="19"/>
      <c r="S167" s="19"/>
    </row>
    <row r="168" spans="9:19" ht="22.5" customHeight="1" x14ac:dyDescent="0.15">
      <c r="I168" s="19"/>
      <c r="R168" s="19"/>
      <c r="S168" s="19"/>
    </row>
    <row r="169" spans="9:19" ht="22.5" customHeight="1" x14ac:dyDescent="0.15">
      <c r="I169" s="19"/>
      <c r="R169" s="19"/>
      <c r="S169" s="19"/>
    </row>
    <row r="170" spans="9:19" ht="22.5" customHeight="1" x14ac:dyDescent="0.15">
      <c r="I170" s="19"/>
      <c r="R170" s="19"/>
      <c r="S170" s="19"/>
    </row>
    <row r="171" spans="9:19" ht="22.5" customHeight="1" x14ac:dyDescent="0.15">
      <c r="I171" s="19"/>
      <c r="R171" s="19"/>
      <c r="S171" s="19"/>
    </row>
    <row r="172" spans="9:19" ht="22.5" customHeight="1" x14ac:dyDescent="0.15">
      <c r="I172" s="19"/>
      <c r="R172" s="19"/>
      <c r="S172" s="19"/>
    </row>
    <row r="173" spans="9:19" ht="22.5" customHeight="1" x14ac:dyDescent="0.15">
      <c r="I173" s="19"/>
      <c r="R173" s="19"/>
      <c r="S173" s="19"/>
    </row>
    <row r="174" spans="9:19" ht="22.5" customHeight="1" x14ac:dyDescent="0.15">
      <c r="I174" s="19"/>
      <c r="R174" s="19"/>
      <c r="S174" s="19"/>
    </row>
    <row r="175" spans="9:19" ht="22.5" customHeight="1" x14ac:dyDescent="0.15">
      <c r="I175" s="19"/>
      <c r="R175" s="19"/>
      <c r="S175" s="19"/>
    </row>
    <row r="176" spans="9:19" ht="22.5" customHeight="1" x14ac:dyDescent="0.15">
      <c r="I176" s="19"/>
      <c r="R176" s="19"/>
      <c r="S176" s="19"/>
    </row>
    <row r="177" spans="9:19" ht="22.5" customHeight="1" x14ac:dyDescent="0.15">
      <c r="I177" s="19"/>
      <c r="R177" s="19"/>
      <c r="S177" s="19"/>
    </row>
    <row r="178" spans="9:19" ht="22.5" customHeight="1" x14ac:dyDescent="0.15">
      <c r="I178" s="19"/>
      <c r="R178" s="19"/>
      <c r="S178" s="19"/>
    </row>
    <row r="179" spans="9:19" ht="22.5" customHeight="1" x14ac:dyDescent="0.15">
      <c r="I179" s="19"/>
      <c r="R179" s="19"/>
      <c r="S179" s="19"/>
    </row>
    <row r="180" spans="9:19" ht="22.5" customHeight="1" x14ac:dyDescent="0.15">
      <c r="I180" s="19"/>
      <c r="R180" s="19"/>
      <c r="S180" s="19"/>
    </row>
    <row r="181" spans="9:19" ht="22.5" customHeight="1" x14ac:dyDescent="0.15">
      <c r="I181" s="19"/>
      <c r="R181" s="19"/>
      <c r="S181" s="19"/>
    </row>
    <row r="182" spans="9:19" ht="22.5" customHeight="1" x14ac:dyDescent="0.15">
      <c r="I182" s="19"/>
      <c r="R182" s="19"/>
      <c r="S182" s="19"/>
    </row>
    <row r="183" spans="9:19" ht="22.5" customHeight="1" x14ac:dyDescent="0.15">
      <c r="I183" s="19"/>
      <c r="R183" s="19"/>
      <c r="S183" s="19"/>
    </row>
    <row r="184" spans="9:19" ht="22.5" customHeight="1" x14ac:dyDescent="0.15">
      <c r="I184" s="19"/>
      <c r="R184" s="19"/>
      <c r="S184" s="19"/>
    </row>
    <row r="185" spans="9:19" ht="22.5" customHeight="1" x14ac:dyDescent="0.15">
      <c r="I185" s="19"/>
      <c r="R185" s="19"/>
      <c r="S185" s="19"/>
    </row>
    <row r="186" spans="9:19" ht="22.5" customHeight="1" x14ac:dyDescent="0.15">
      <c r="I186" s="19"/>
      <c r="R186" s="19"/>
      <c r="S186" s="19"/>
    </row>
    <row r="187" spans="9:19" ht="22.5" customHeight="1" x14ac:dyDescent="0.15">
      <c r="I187" s="19"/>
      <c r="R187" s="19"/>
      <c r="S187" s="19"/>
    </row>
    <row r="188" spans="9:19" ht="22.5" customHeight="1" x14ac:dyDescent="0.15">
      <c r="I188" s="19"/>
      <c r="R188" s="19"/>
      <c r="S188" s="19"/>
    </row>
    <row r="189" spans="9:19" ht="22.5" customHeight="1" x14ac:dyDescent="0.15">
      <c r="I189" s="19"/>
      <c r="R189" s="19"/>
      <c r="S189" s="19"/>
    </row>
    <row r="190" spans="9:19" ht="22.5" customHeight="1" x14ac:dyDescent="0.15">
      <c r="I190" s="19"/>
      <c r="R190" s="19"/>
      <c r="S190" s="19"/>
    </row>
    <row r="191" spans="9:19" ht="22.5" customHeight="1" x14ac:dyDescent="0.15">
      <c r="I191" s="19"/>
      <c r="R191" s="19"/>
      <c r="S191" s="19"/>
    </row>
    <row r="192" spans="9:19" ht="22.5" customHeight="1" x14ac:dyDescent="0.15">
      <c r="I192" s="19"/>
      <c r="R192" s="19"/>
      <c r="S192" s="19"/>
    </row>
    <row r="193" spans="9:19" ht="22.5" customHeight="1" x14ac:dyDescent="0.15">
      <c r="I193" s="19"/>
      <c r="R193" s="19"/>
      <c r="S193" s="19"/>
    </row>
  </sheetData>
  <sheetProtection selectLockedCells="1" selectUnlockedCells="1"/>
  <mergeCells count="6">
    <mergeCell ref="A1:G1"/>
    <mergeCell ref="B5:S5"/>
    <mergeCell ref="B6:S6"/>
    <mergeCell ref="K7:M7"/>
    <mergeCell ref="N7:P7"/>
    <mergeCell ref="B8:D8"/>
  </mergeCells>
  <phoneticPr fontId="24"/>
  <printOptions horizontalCentered="1"/>
  <pageMargins left="0.19685039370078741" right="0.19685039370078741" top="0.31496062992125984" bottom="0.19685039370078741" header="0.11811023622047245" footer="0.11811023622047245"/>
  <pageSetup paperSize="9" scale="58" firstPageNumber="112" orientation="portrait" blackAndWhite="1" useFirstPageNumber="1" r:id="rId1"/>
  <headerFooter>
    <oddFooter>&amp;C&amp;"ＭＳ Ｐ明朝,標準"&amp;20&amp;P</oddFooter>
  </headerFooter>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M184"/>
  <sheetViews>
    <sheetView showGridLines="0" view="pageBreakPreview" zoomScaleNormal="70" zoomScaleSheetLayoutView="100" workbookViewId="0"/>
  </sheetViews>
  <sheetFormatPr defaultColWidth="8.875" defaultRowHeight="22.5" customHeight="1" x14ac:dyDescent="0.15"/>
  <cols>
    <col min="1" max="1" width="21.625" style="24" customWidth="1"/>
    <col min="2" max="7" width="7.5" style="24" customWidth="1"/>
    <col min="8" max="8" width="28.125" style="24" customWidth="1"/>
    <col min="9" max="9" width="50" style="24" customWidth="1"/>
    <col min="10" max="10" width="2.5" style="24" customWidth="1"/>
    <col min="11" max="11" width="21.625" style="24" customWidth="1"/>
    <col min="12" max="12" width="7.5" style="24" customWidth="1"/>
    <col min="13" max="13" width="8.875" style="2"/>
    <col min="14" max="255" width="8.875" style="1"/>
    <col min="256" max="256" width="7.5" style="1" customWidth="1"/>
    <col min="257" max="257" width="11.125" style="1" customWidth="1"/>
    <col min="258" max="263" width="7.5" style="1" customWidth="1"/>
    <col min="264" max="264" width="28.125" style="1" customWidth="1"/>
    <col min="265" max="265" width="50" style="1" customWidth="1"/>
    <col min="266" max="266" width="2.5" style="1" customWidth="1"/>
    <col min="267" max="267" width="11.125" style="1" customWidth="1"/>
    <col min="268" max="268" width="7.5" style="1" customWidth="1"/>
    <col min="269" max="511" width="8.875" style="1"/>
    <col min="512" max="512" width="7.5" style="1" customWidth="1"/>
    <col min="513" max="513" width="11.125" style="1" customWidth="1"/>
    <col min="514" max="519" width="7.5" style="1" customWidth="1"/>
    <col min="520" max="520" width="28.125" style="1" customWidth="1"/>
    <col min="521" max="521" width="50" style="1" customWidth="1"/>
    <col min="522" max="522" width="2.5" style="1" customWidth="1"/>
    <col min="523" max="523" width="11.125" style="1" customWidth="1"/>
    <col min="524" max="524" width="7.5" style="1" customWidth="1"/>
    <col min="525" max="767" width="8.875" style="1"/>
    <col min="768" max="768" width="7.5" style="1" customWidth="1"/>
    <col min="769" max="769" width="11.125" style="1" customWidth="1"/>
    <col min="770" max="775" width="7.5" style="1" customWidth="1"/>
    <col min="776" max="776" width="28.125" style="1" customWidth="1"/>
    <col min="777" max="777" width="50" style="1" customWidth="1"/>
    <col min="778" max="778" width="2.5" style="1" customWidth="1"/>
    <col min="779" max="779" width="11.125" style="1" customWidth="1"/>
    <col min="780" max="780" width="7.5" style="1" customWidth="1"/>
    <col min="781" max="1023" width="8.875" style="1"/>
    <col min="1024" max="1024" width="7.5" style="1" customWidth="1"/>
    <col min="1025" max="1025" width="11.125" style="1" customWidth="1"/>
    <col min="1026" max="1031" width="7.5" style="1" customWidth="1"/>
    <col min="1032" max="1032" width="28.125" style="1" customWidth="1"/>
    <col min="1033" max="1033" width="50" style="1" customWidth="1"/>
    <col min="1034" max="1034" width="2.5" style="1" customWidth="1"/>
    <col min="1035" max="1035" width="11.125" style="1" customWidth="1"/>
    <col min="1036" max="1036" width="7.5" style="1" customWidth="1"/>
    <col min="1037" max="1279" width="8.875" style="1"/>
    <col min="1280" max="1280" width="7.5" style="1" customWidth="1"/>
    <col min="1281" max="1281" width="11.125" style="1" customWidth="1"/>
    <col min="1282" max="1287" width="7.5" style="1" customWidth="1"/>
    <col min="1288" max="1288" width="28.125" style="1" customWidth="1"/>
    <col min="1289" max="1289" width="50" style="1" customWidth="1"/>
    <col min="1290" max="1290" width="2.5" style="1" customWidth="1"/>
    <col min="1291" max="1291" width="11.125" style="1" customWidth="1"/>
    <col min="1292" max="1292" width="7.5" style="1" customWidth="1"/>
    <col min="1293" max="1535" width="8.875" style="1"/>
    <col min="1536" max="1536" width="7.5" style="1" customWidth="1"/>
    <col min="1537" max="1537" width="11.125" style="1" customWidth="1"/>
    <col min="1538" max="1543" width="7.5" style="1" customWidth="1"/>
    <col min="1544" max="1544" width="28.125" style="1" customWidth="1"/>
    <col min="1545" max="1545" width="50" style="1" customWidth="1"/>
    <col min="1546" max="1546" width="2.5" style="1" customWidth="1"/>
    <col min="1547" max="1547" width="11.125" style="1" customWidth="1"/>
    <col min="1548" max="1548" width="7.5" style="1" customWidth="1"/>
    <col min="1549" max="1791" width="8.875" style="1"/>
    <col min="1792" max="1792" width="7.5" style="1" customWidth="1"/>
    <col min="1793" max="1793" width="11.125" style="1" customWidth="1"/>
    <col min="1794" max="1799" width="7.5" style="1" customWidth="1"/>
    <col min="1800" max="1800" width="28.125" style="1" customWidth="1"/>
    <col min="1801" max="1801" width="50" style="1" customWidth="1"/>
    <col min="1802" max="1802" width="2.5" style="1" customWidth="1"/>
    <col min="1803" max="1803" width="11.125" style="1" customWidth="1"/>
    <col min="1804" max="1804" width="7.5" style="1" customWidth="1"/>
    <col min="1805" max="2047" width="8.875" style="1"/>
    <col min="2048" max="2048" width="7.5" style="1" customWidth="1"/>
    <col min="2049" max="2049" width="11.125" style="1" customWidth="1"/>
    <col min="2050" max="2055" width="7.5" style="1" customWidth="1"/>
    <col min="2056" max="2056" width="28.125" style="1" customWidth="1"/>
    <col min="2057" max="2057" width="50" style="1" customWidth="1"/>
    <col min="2058" max="2058" width="2.5" style="1" customWidth="1"/>
    <col min="2059" max="2059" width="11.125" style="1" customWidth="1"/>
    <col min="2060" max="2060" width="7.5" style="1" customWidth="1"/>
    <col min="2061" max="2303" width="8.875" style="1"/>
    <col min="2304" max="2304" width="7.5" style="1" customWidth="1"/>
    <col min="2305" max="2305" width="11.125" style="1" customWidth="1"/>
    <col min="2306" max="2311" width="7.5" style="1" customWidth="1"/>
    <col min="2312" max="2312" width="28.125" style="1" customWidth="1"/>
    <col min="2313" max="2313" width="50" style="1" customWidth="1"/>
    <col min="2314" max="2314" width="2.5" style="1" customWidth="1"/>
    <col min="2315" max="2315" width="11.125" style="1" customWidth="1"/>
    <col min="2316" max="2316" width="7.5" style="1" customWidth="1"/>
    <col min="2317" max="2559" width="8.875" style="1"/>
    <col min="2560" max="2560" width="7.5" style="1" customWidth="1"/>
    <col min="2561" max="2561" width="11.125" style="1" customWidth="1"/>
    <col min="2562" max="2567" width="7.5" style="1" customWidth="1"/>
    <col min="2568" max="2568" width="28.125" style="1" customWidth="1"/>
    <col min="2569" max="2569" width="50" style="1" customWidth="1"/>
    <col min="2570" max="2570" width="2.5" style="1" customWidth="1"/>
    <col min="2571" max="2571" width="11.125" style="1" customWidth="1"/>
    <col min="2572" max="2572" width="7.5" style="1" customWidth="1"/>
    <col min="2573" max="2815" width="8.875" style="1"/>
    <col min="2816" max="2816" width="7.5" style="1" customWidth="1"/>
    <col min="2817" max="2817" width="11.125" style="1" customWidth="1"/>
    <col min="2818" max="2823" width="7.5" style="1" customWidth="1"/>
    <col min="2824" max="2824" width="28.125" style="1" customWidth="1"/>
    <col min="2825" max="2825" width="50" style="1" customWidth="1"/>
    <col min="2826" max="2826" width="2.5" style="1" customWidth="1"/>
    <col min="2827" max="2827" width="11.125" style="1" customWidth="1"/>
    <col min="2828" max="2828" width="7.5" style="1" customWidth="1"/>
    <col min="2829" max="3071" width="8.875" style="1"/>
    <col min="3072" max="3072" width="7.5" style="1" customWidth="1"/>
    <col min="3073" max="3073" width="11.125" style="1" customWidth="1"/>
    <col min="3074" max="3079" width="7.5" style="1" customWidth="1"/>
    <col min="3080" max="3080" width="28.125" style="1" customWidth="1"/>
    <col min="3081" max="3081" width="50" style="1" customWidth="1"/>
    <col min="3082" max="3082" width="2.5" style="1" customWidth="1"/>
    <col min="3083" max="3083" width="11.125" style="1" customWidth="1"/>
    <col min="3084" max="3084" width="7.5" style="1" customWidth="1"/>
    <col min="3085" max="3327" width="8.875" style="1"/>
    <col min="3328" max="3328" width="7.5" style="1" customWidth="1"/>
    <col min="3329" max="3329" width="11.125" style="1" customWidth="1"/>
    <col min="3330" max="3335" width="7.5" style="1" customWidth="1"/>
    <col min="3336" max="3336" width="28.125" style="1" customWidth="1"/>
    <col min="3337" max="3337" width="50" style="1" customWidth="1"/>
    <col min="3338" max="3338" width="2.5" style="1" customWidth="1"/>
    <col min="3339" max="3339" width="11.125" style="1" customWidth="1"/>
    <col min="3340" max="3340" width="7.5" style="1" customWidth="1"/>
    <col min="3341" max="3583" width="8.875" style="1"/>
    <col min="3584" max="3584" width="7.5" style="1" customWidth="1"/>
    <col min="3585" max="3585" width="11.125" style="1" customWidth="1"/>
    <col min="3586" max="3591" width="7.5" style="1" customWidth="1"/>
    <col min="3592" max="3592" width="28.125" style="1" customWidth="1"/>
    <col min="3593" max="3593" width="50" style="1" customWidth="1"/>
    <col min="3594" max="3594" width="2.5" style="1" customWidth="1"/>
    <col min="3595" max="3595" width="11.125" style="1" customWidth="1"/>
    <col min="3596" max="3596" width="7.5" style="1" customWidth="1"/>
    <col min="3597" max="3839" width="8.875" style="1"/>
    <col min="3840" max="3840" width="7.5" style="1" customWidth="1"/>
    <col min="3841" max="3841" width="11.125" style="1" customWidth="1"/>
    <col min="3842" max="3847" width="7.5" style="1" customWidth="1"/>
    <col min="3848" max="3848" width="28.125" style="1" customWidth="1"/>
    <col min="3849" max="3849" width="50" style="1" customWidth="1"/>
    <col min="3850" max="3850" width="2.5" style="1" customWidth="1"/>
    <col min="3851" max="3851" width="11.125" style="1" customWidth="1"/>
    <col min="3852" max="3852" width="7.5" style="1" customWidth="1"/>
    <col min="3853" max="4095" width="8.875" style="1"/>
    <col min="4096" max="4096" width="7.5" style="1" customWidth="1"/>
    <col min="4097" max="4097" width="11.125" style="1" customWidth="1"/>
    <col min="4098" max="4103" width="7.5" style="1" customWidth="1"/>
    <col min="4104" max="4104" width="28.125" style="1" customWidth="1"/>
    <col min="4105" max="4105" width="50" style="1" customWidth="1"/>
    <col min="4106" max="4106" width="2.5" style="1" customWidth="1"/>
    <col min="4107" max="4107" width="11.125" style="1" customWidth="1"/>
    <col min="4108" max="4108" width="7.5" style="1" customWidth="1"/>
    <col min="4109" max="4351" width="8.875" style="1"/>
    <col min="4352" max="4352" width="7.5" style="1" customWidth="1"/>
    <col min="4353" max="4353" width="11.125" style="1" customWidth="1"/>
    <col min="4354" max="4359" width="7.5" style="1" customWidth="1"/>
    <col min="4360" max="4360" width="28.125" style="1" customWidth="1"/>
    <col min="4361" max="4361" width="50" style="1" customWidth="1"/>
    <col min="4362" max="4362" width="2.5" style="1" customWidth="1"/>
    <col min="4363" max="4363" width="11.125" style="1" customWidth="1"/>
    <col min="4364" max="4364" width="7.5" style="1" customWidth="1"/>
    <col min="4365" max="4607" width="8.875" style="1"/>
    <col min="4608" max="4608" width="7.5" style="1" customWidth="1"/>
    <col min="4609" max="4609" width="11.125" style="1" customWidth="1"/>
    <col min="4610" max="4615" width="7.5" style="1" customWidth="1"/>
    <col min="4616" max="4616" width="28.125" style="1" customWidth="1"/>
    <col min="4617" max="4617" width="50" style="1" customWidth="1"/>
    <col min="4618" max="4618" width="2.5" style="1" customWidth="1"/>
    <col min="4619" max="4619" width="11.125" style="1" customWidth="1"/>
    <col min="4620" max="4620" width="7.5" style="1" customWidth="1"/>
    <col min="4621" max="4863" width="8.875" style="1"/>
    <col min="4864" max="4864" width="7.5" style="1" customWidth="1"/>
    <col min="4865" max="4865" width="11.125" style="1" customWidth="1"/>
    <col min="4866" max="4871" width="7.5" style="1" customWidth="1"/>
    <col min="4872" max="4872" width="28.125" style="1" customWidth="1"/>
    <col min="4873" max="4873" width="50" style="1" customWidth="1"/>
    <col min="4874" max="4874" width="2.5" style="1" customWidth="1"/>
    <col min="4875" max="4875" width="11.125" style="1" customWidth="1"/>
    <col min="4876" max="4876" width="7.5" style="1" customWidth="1"/>
    <col min="4877" max="5119" width="8.875" style="1"/>
    <col min="5120" max="5120" width="7.5" style="1" customWidth="1"/>
    <col min="5121" max="5121" width="11.125" style="1" customWidth="1"/>
    <col min="5122" max="5127" width="7.5" style="1" customWidth="1"/>
    <col min="5128" max="5128" width="28.125" style="1" customWidth="1"/>
    <col min="5129" max="5129" width="50" style="1" customWidth="1"/>
    <col min="5130" max="5130" width="2.5" style="1" customWidth="1"/>
    <col min="5131" max="5131" width="11.125" style="1" customWidth="1"/>
    <col min="5132" max="5132" width="7.5" style="1" customWidth="1"/>
    <col min="5133" max="5375" width="8.875" style="1"/>
    <col min="5376" max="5376" width="7.5" style="1" customWidth="1"/>
    <col min="5377" max="5377" width="11.125" style="1" customWidth="1"/>
    <col min="5378" max="5383" width="7.5" style="1" customWidth="1"/>
    <col min="5384" max="5384" width="28.125" style="1" customWidth="1"/>
    <col min="5385" max="5385" width="50" style="1" customWidth="1"/>
    <col min="5386" max="5386" width="2.5" style="1" customWidth="1"/>
    <col min="5387" max="5387" width="11.125" style="1" customWidth="1"/>
    <col min="5388" max="5388" width="7.5" style="1" customWidth="1"/>
    <col min="5389" max="5631" width="8.875" style="1"/>
    <col min="5632" max="5632" width="7.5" style="1" customWidth="1"/>
    <col min="5633" max="5633" width="11.125" style="1" customWidth="1"/>
    <col min="5634" max="5639" width="7.5" style="1" customWidth="1"/>
    <col min="5640" max="5640" width="28.125" style="1" customWidth="1"/>
    <col min="5641" max="5641" width="50" style="1" customWidth="1"/>
    <col min="5642" max="5642" width="2.5" style="1" customWidth="1"/>
    <col min="5643" max="5643" width="11.125" style="1" customWidth="1"/>
    <col min="5644" max="5644" width="7.5" style="1" customWidth="1"/>
    <col min="5645" max="5887" width="8.875" style="1"/>
    <col min="5888" max="5888" width="7.5" style="1" customWidth="1"/>
    <col min="5889" max="5889" width="11.125" style="1" customWidth="1"/>
    <col min="5890" max="5895" width="7.5" style="1" customWidth="1"/>
    <col min="5896" max="5896" width="28.125" style="1" customWidth="1"/>
    <col min="5897" max="5897" width="50" style="1" customWidth="1"/>
    <col min="5898" max="5898" width="2.5" style="1" customWidth="1"/>
    <col min="5899" max="5899" width="11.125" style="1" customWidth="1"/>
    <col min="5900" max="5900" width="7.5" style="1" customWidth="1"/>
    <col min="5901" max="6143" width="8.875" style="1"/>
    <col min="6144" max="6144" width="7.5" style="1" customWidth="1"/>
    <col min="6145" max="6145" width="11.125" style="1" customWidth="1"/>
    <col min="6146" max="6151" width="7.5" style="1" customWidth="1"/>
    <col min="6152" max="6152" width="28.125" style="1" customWidth="1"/>
    <col min="6153" max="6153" width="50" style="1" customWidth="1"/>
    <col min="6154" max="6154" width="2.5" style="1" customWidth="1"/>
    <col min="6155" max="6155" width="11.125" style="1" customWidth="1"/>
    <col min="6156" max="6156" width="7.5" style="1" customWidth="1"/>
    <col min="6157" max="6399" width="8.875" style="1"/>
    <col min="6400" max="6400" width="7.5" style="1" customWidth="1"/>
    <col min="6401" max="6401" width="11.125" style="1" customWidth="1"/>
    <col min="6402" max="6407" width="7.5" style="1" customWidth="1"/>
    <col min="6408" max="6408" width="28.125" style="1" customWidth="1"/>
    <col min="6409" max="6409" width="50" style="1" customWidth="1"/>
    <col min="6410" max="6410" width="2.5" style="1" customWidth="1"/>
    <col min="6411" max="6411" width="11.125" style="1" customWidth="1"/>
    <col min="6412" max="6412" width="7.5" style="1" customWidth="1"/>
    <col min="6413" max="6655" width="8.875" style="1"/>
    <col min="6656" max="6656" width="7.5" style="1" customWidth="1"/>
    <col min="6657" max="6657" width="11.125" style="1" customWidth="1"/>
    <col min="6658" max="6663" width="7.5" style="1" customWidth="1"/>
    <col min="6664" max="6664" width="28.125" style="1" customWidth="1"/>
    <col min="6665" max="6665" width="50" style="1" customWidth="1"/>
    <col min="6666" max="6666" width="2.5" style="1" customWidth="1"/>
    <col min="6667" max="6667" width="11.125" style="1" customWidth="1"/>
    <col min="6668" max="6668" width="7.5" style="1" customWidth="1"/>
    <col min="6669" max="6911" width="8.875" style="1"/>
    <col min="6912" max="6912" width="7.5" style="1" customWidth="1"/>
    <col min="6913" max="6913" width="11.125" style="1" customWidth="1"/>
    <col min="6914" max="6919" width="7.5" style="1" customWidth="1"/>
    <col min="6920" max="6920" width="28.125" style="1" customWidth="1"/>
    <col min="6921" max="6921" width="50" style="1" customWidth="1"/>
    <col min="6922" max="6922" width="2.5" style="1" customWidth="1"/>
    <col min="6923" max="6923" width="11.125" style="1" customWidth="1"/>
    <col min="6924" max="6924" width="7.5" style="1" customWidth="1"/>
    <col min="6925" max="7167" width="8.875" style="1"/>
    <col min="7168" max="7168" width="7.5" style="1" customWidth="1"/>
    <col min="7169" max="7169" width="11.125" style="1" customWidth="1"/>
    <col min="7170" max="7175" width="7.5" style="1" customWidth="1"/>
    <col min="7176" max="7176" width="28.125" style="1" customWidth="1"/>
    <col min="7177" max="7177" width="50" style="1" customWidth="1"/>
    <col min="7178" max="7178" width="2.5" style="1" customWidth="1"/>
    <col min="7179" max="7179" width="11.125" style="1" customWidth="1"/>
    <col min="7180" max="7180" width="7.5" style="1" customWidth="1"/>
    <col min="7181" max="7423" width="8.875" style="1"/>
    <col min="7424" max="7424" width="7.5" style="1" customWidth="1"/>
    <col min="7425" max="7425" width="11.125" style="1" customWidth="1"/>
    <col min="7426" max="7431" width="7.5" style="1" customWidth="1"/>
    <col min="7432" max="7432" width="28.125" style="1" customWidth="1"/>
    <col min="7433" max="7433" width="50" style="1" customWidth="1"/>
    <col min="7434" max="7434" width="2.5" style="1" customWidth="1"/>
    <col min="7435" max="7435" width="11.125" style="1" customWidth="1"/>
    <col min="7436" max="7436" width="7.5" style="1" customWidth="1"/>
    <col min="7437" max="7679" width="8.875" style="1"/>
    <col min="7680" max="7680" width="7.5" style="1" customWidth="1"/>
    <col min="7681" max="7681" width="11.125" style="1" customWidth="1"/>
    <col min="7682" max="7687" width="7.5" style="1" customWidth="1"/>
    <col min="7688" max="7688" width="28.125" style="1" customWidth="1"/>
    <col min="7689" max="7689" width="50" style="1" customWidth="1"/>
    <col min="7690" max="7690" width="2.5" style="1" customWidth="1"/>
    <col min="7691" max="7691" width="11.125" style="1" customWidth="1"/>
    <col min="7692" max="7692" width="7.5" style="1" customWidth="1"/>
    <col min="7693" max="7935" width="8.875" style="1"/>
    <col min="7936" max="7936" width="7.5" style="1" customWidth="1"/>
    <col min="7937" max="7937" width="11.125" style="1" customWidth="1"/>
    <col min="7938" max="7943" width="7.5" style="1" customWidth="1"/>
    <col min="7944" max="7944" width="28.125" style="1" customWidth="1"/>
    <col min="7945" max="7945" width="50" style="1" customWidth="1"/>
    <col min="7946" max="7946" width="2.5" style="1" customWidth="1"/>
    <col min="7947" max="7947" width="11.125" style="1" customWidth="1"/>
    <col min="7948" max="7948" width="7.5" style="1" customWidth="1"/>
    <col min="7949" max="8191" width="8.875" style="1"/>
    <col min="8192" max="8192" width="7.5" style="1" customWidth="1"/>
    <col min="8193" max="8193" width="11.125" style="1" customWidth="1"/>
    <col min="8194" max="8199" width="7.5" style="1" customWidth="1"/>
    <col min="8200" max="8200" width="28.125" style="1" customWidth="1"/>
    <col min="8201" max="8201" width="50" style="1" customWidth="1"/>
    <col min="8202" max="8202" width="2.5" style="1" customWidth="1"/>
    <col min="8203" max="8203" width="11.125" style="1" customWidth="1"/>
    <col min="8204" max="8204" width="7.5" style="1" customWidth="1"/>
    <col min="8205" max="8447" width="8.875" style="1"/>
    <col min="8448" max="8448" width="7.5" style="1" customWidth="1"/>
    <col min="8449" max="8449" width="11.125" style="1" customWidth="1"/>
    <col min="8450" max="8455" width="7.5" style="1" customWidth="1"/>
    <col min="8456" max="8456" width="28.125" style="1" customWidth="1"/>
    <col min="8457" max="8457" width="50" style="1" customWidth="1"/>
    <col min="8458" max="8458" width="2.5" style="1" customWidth="1"/>
    <col min="8459" max="8459" width="11.125" style="1" customWidth="1"/>
    <col min="8460" max="8460" width="7.5" style="1" customWidth="1"/>
    <col min="8461" max="8703" width="8.875" style="1"/>
    <col min="8704" max="8704" width="7.5" style="1" customWidth="1"/>
    <col min="8705" max="8705" width="11.125" style="1" customWidth="1"/>
    <col min="8706" max="8711" width="7.5" style="1" customWidth="1"/>
    <col min="8712" max="8712" width="28.125" style="1" customWidth="1"/>
    <col min="8713" max="8713" width="50" style="1" customWidth="1"/>
    <col min="8714" max="8714" width="2.5" style="1" customWidth="1"/>
    <col min="8715" max="8715" width="11.125" style="1" customWidth="1"/>
    <col min="8716" max="8716" width="7.5" style="1" customWidth="1"/>
    <col min="8717" max="8959" width="8.875" style="1"/>
    <col min="8960" max="8960" width="7.5" style="1" customWidth="1"/>
    <col min="8961" max="8961" width="11.125" style="1" customWidth="1"/>
    <col min="8962" max="8967" width="7.5" style="1" customWidth="1"/>
    <col min="8968" max="8968" width="28.125" style="1" customWidth="1"/>
    <col min="8969" max="8969" width="50" style="1" customWidth="1"/>
    <col min="8970" max="8970" width="2.5" style="1" customWidth="1"/>
    <col min="8971" max="8971" width="11.125" style="1" customWidth="1"/>
    <col min="8972" max="8972" width="7.5" style="1" customWidth="1"/>
    <col min="8973" max="9215" width="8.875" style="1"/>
    <col min="9216" max="9216" width="7.5" style="1" customWidth="1"/>
    <col min="9217" max="9217" width="11.125" style="1" customWidth="1"/>
    <col min="9218" max="9223" width="7.5" style="1" customWidth="1"/>
    <col min="9224" max="9224" width="28.125" style="1" customWidth="1"/>
    <col min="9225" max="9225" width="50" style="1" customWidth="1"/>
    <col min="9226" max="9226" width="2.5" style="1" customWidth="1"/>
    <col min="9227" max="9227" width="11.125" style="1" customWidth="1"/>
    <col min="9228" max="9228" width="7.5" style="1" customWidth="1"/>
    <col min="9229" max="9471" width="8.875" style="1"/>
    <col min="9472" max="9472" width="7.5" style="1" customWidth="1"/>
    <col min="9473" max="9473" width="11.125" style="1" customWidth="1"/>
    <col min="9474" max="9479" width="7.5" style="1" customWidth="1"/>
    <col min="9480" max="9480" width="28.125" style="1" customWidth="1"/>
    <col min="9481" max="9481" width="50" style="1" customWidth="1"/>
    <col min="9482" max="9482" width="2.5" style="1" customWidth="1"/>
    <col min="9483" max="9483" width="11.125" style="1" customWidth="1"/>
    <col min="9484" max="9484" width="7.5" style="1" customWidth="1"/>
    <col min="9485" max="9727" width="8.875" style="1"/>
    <col min="9728" max="9728" width="7.5" style="1" customWidth="1"/>
    <col min="9729" max="9729" width="11.125" style="1" customWidth="1"/>
    <col min="9730" max="9735" width="7.5" style="1" customWidth="1"/>
    <col min="9736" max="9736" width="28.125" style="1" customWidth="1"/>
    <col min="9737" max="9737" width="50" style="1" customWidth="1"/>
    <col min="9738" max="9738" width="2.5" style="1" customWidth="1"/>
    <col min="9739" max="9739" width="11.125" style="1" customWidth="1"/>
    <col min="9740" max="9740" width="7.5" style="1" customWidth="1"/>
    <col min="9741" max="9983" width="8.875" style="1"/>
    <col min="9984" max="9984" width="7.5" style="1" customWidth="1"/>
    <col min="9985" max="9985" width="11.125" style="1" customWidth="1"/>
    <col min="9986" max="9991" width="7.5" style="1" customWidth="1"/>
    <col min="9992" max="9992" width="28.125" style="1" customWidth="1"/>
    <col min="9993" max="9993" width="50" style="1" customWidth="1"/>
    <col min="9994" max="9994" width="2.5" style="1" customWidth="1"/>
    <col min="9995" max="9995" width="11.125" style="1" customWidth="1"/>
    <col min="9996" max="9996" width="7.5" style="1" customWidth="1"/>
    <col min="9997" max="10239" width="8.875" style="1"/>
    <col min="10240" max="10240" width="7.5" style="1" customWidth="1"/>
    <col min="10241" max="10241" width="11.125" style="1" customWidth="1"/>
    <col min="10242" max="10247" width="7.5" style="1" customWidth="1"/>
    <col min="10248" max="10248" width="28.125" style="1" customWidth="1"/>
    <col min="10249" max="10249" width="50" style="1" customWidth="1"/>
    <col min="10250" max="10250" width="2.5" style="1" customWidth="1"/>
    <col min="10251" max="10251" width="11.125" style="1" customWidth="1"/>
    <col min="10252" max="10252" width="7.5" style="1" customWidth="1"/>
    <col min="10253" max="10495" width="8.875" style="1"/>
    <col min="10496" max="10496" width="7.5" style="1" customWidth="1"/>
    <col min="10497" max="10497" width="11.125" style="1" customWidth="1"/>
    <col min="10498" max="10503" width="7.5" style="1" customWidth="1"/>
    <col min="10504" max="10504" width="28.125" style="1" customWidth="1"/>
    <col min="10505" max="10505" width="50" style="1" customWidth="1"/>
    <col min="10506" max="10506" width="2.5" style="1" customWidth="1"/>
    <col min="10507" max="10507" width="11.125" style="1" customWidth="1"/>
    <col min="10508" max="10508" width="7.5" style="1" customWidth="1"/>
    <col min="10509" max="10751" width="8.875" style="1"/>
    <col min="10752" max="10752" width="7.5" style="1" customWidth="1"/>
    <col min="10753" max="10753" width="11.125" style="1" customWidth="1"/>
    <col min="10754" max="10759" width="7.5" style="1" customWidth="1"/>
    <col min="10760" max="10760" width="28.125" style="1" customWidth="1"/>
    <col min="10761" max="10761" width="50" style="1" customWidth="1"/>
    <col min="10762" max="10762" width="2.5" style="1" customWidth="1"/>
    <col min="10763" max="10763" width="11.125" style="1" customWidth="1"/>
    <col min="10764" max="10764" width="7.5" style="1" customWidth="1"/>
    <col min="10765" max="11007" width="8.875" style="1"/>
    <col min="11008" max="11008" width="7.5" style="1" customWidth="1"/>
    <col min="11009" max="11009" width="11.125" style="1" customWidth="1"/>
    <col min="11010" max="11015" width="7.5" style="1" customWidth="1"/>
    <col min="11016" max="11016" width="28.125" style="1" customWidth="1"/>
    <col min="11017" max="11017" width="50" style="1" customWidth="1"/>
    <col min="11018" max="11018" width="2.5" style="1" customWidth="1"/>
    <col min="11019" max="11019" width="11.125" style="1" customWidth="1"/>
    <col min="11020" max="11020" width="7.5" style="1" customWidth="1"/>
    <col min="11021" max="11263" width="8.875" style="1"/>
    <col min="11264" max="11264" width="7.5" style="1" customWidth="1"/>
    <col min="11265" max="11265" width="11.125" style="1" customWidth="1"/>
    <col min="11266" max="11271" width="7.5" style="1" customWidth="1"/>
    <col min="11272" max="11272" width="28.125" style="1" customWidth="1"/>
    <col min="11273" max="11273" width="50" style="1" customWidth="1"/>
    <col min="11274" max="11274" width="2.5" style="1" customWidth="1"/>
    <col min="11275" max="11275" width="11.125" style="1" customWidth="1"/>
    <col min="11276" max="11276" width="7.5" style="1" customWidth="1"/>
    <col min="11277" max="11519" width="8.875" style="1"/>
    <col min="11520" max="11520" width="7.5" style="1" customWidth="1"/>
    <col min="11521" max="11521" width="11.125" style="1" customWidth="1"/>
    <col min="11522" max="11527" width="7.5" style="1" customWidth="1"/>
    <col min="11528" max="11528" width="28.125" style="1" customWidth="1"/>
    <col min="11529" max="11529" width="50" style="1" customWidth="1"/>
    <col min="11530" max="11530" width="2.5" style="1" customWidth="1"/>
    <col min="11531" max="11531" width="11.125" style="1" customWidth="1"/>
    <col min="11532" max="11532" width="7.5" style="1" customWidth="1"/>
    <col min="11533" max="11775" width="8.875" style="1"/>
    <col min="11776" max="11776" width="7.5" style="1" customWidth="1"/>
    <col min="11777" max="11777" width="11.125" style="1" customWidth="1"/>
    <col min="11778" max="11783" width="7.5" style="1" customWidth="1"/>
    <col min="11784" max="11784" width="28.125" style="1" customWidth="1"/>
    <col min="11785" max="11785" width="50" style="1" customWidth="1"/>
    <col min="11786" max="11786" width="2.5" style="1" customWidth="1"/>
    <col min="11787" max="11787" width="11.125" style="1" customWidth="1"/>
    <col min="11788" max="11788" width="7.5" style="1" customWidth="1"/>
    <col min="11789" max="12031" width="8.875" style="1"/>
    <col min="12032" max="12032" width="7.5" style="1" customWidth="1"/>
    <col min="12033" max="12033" width="11.125" style="1" customWidth="1"/>
    <col min="12034" max="12039" width="7.5" style="1" customWidth="1"/>
    <col min="12040" max="12040" width="28.125" style="1" customWidth="1"/>
    <col min="12041" max="12041" width="50" style="1" customWidth="1"/>
    <col min="12042" max="12042" width="2.5" style="1" customWidth="1"/>
    <col min="12043" max="12043" width="11.125" style="1" customWidth="1"/>
    <col min="12044" max="12044" width="7.5" style="1" customWidth="1"/>
    <col min="12045" max="12287" width="8.875" style="1"/>
    <col min="12288" max="12288" width="7.5" style="1" customWidth="1"/>
    <col min="12289" max="12289" width="11.125" style="1" customWidth="1"/>
    <col min="12290" max="12295" width="7.5" style="1" customWidth="1"/>
    <col min="12296" max="12296" width="28.125" style="1" customWidth="1"/>
    <col min="12297" max="12297" width="50" style="1" customWidth="1"/>
    <col min="12298" max="12298" width="2.5" style="1" customWidth="1"/>
    <col min="12299" max="12299" width="11.125" style="1" customWidth="1"/>
    <col min="12300" max="12300" width="7.5" style="1" customWidth="1"/>
    <col min="12301" max="12543" width="8.875" style="1"/>
    <col min="12544" max="12544" width="7.5" style="1" customWidth="1"/>
    <col min="12545" max="12545" width="11.125" style="1" customWidth="1"/>
    <col min="12546" max="12551" width="7.5" style="1" customWidth="1"/>
    <col min="12552" max="12552" width="28.125" style="1" customWidth="1"/>
    <col min="12553" max="12553" width="50" style="1" customWidth="1"/>
    <col min="12554" max="12554" width="2.5" style="1" customWidth="1"/>
    <col min="12555" max="12555" width="11.125" style="1" customWidth="1"/>
    <col min="12556" max="12556" width="7.5" style="1" customWidth="1"/>
    <col min="12557" max="12799" width="8.875" style="1"/>
    <col min="12800" max="12800" width="7.5" style="1" customWidth="1"/>
    <col min="12801" max="12801" width="11.125" style="1" customWidth="1"/>
    <col min="12802" max="12807" width="7.5" style="1" customWidth="1"/>
    <col min="12808" max="12808" width="28.125" style="1" customWidth="1"/>
    <col min="12809" max="12809" width="50" style="1" customWidth="1"/>
    <col min="12810" max="12810" width="2.5" style="1" customWidth="1"/>
    <col min="12811" max="12811" width="11.125" style="1" customWidth="1"/>
    <col min="12812" max="12812" width="7.5" style="1" customWidth="1"/>
    <col min="12813" max="13055" width="8.875" style="1"/>
    <col min="13056" max="13056" width="7.5" style="1" customWidth="1"/>
    <col min="13057" max="13057" width="11.125" style="1" customWidth="1"/>
    <col min="13058" max="13063" width="7.5" style="1" customWidth="1"/>
    <col min="13064" max="13064" width="28.125" style="1" customWidth="1"/>
    <col min="13065" max="13065" width="50" style="1" customWidth="1"/>
    <col min="13066" max="13066" width="2.5" style="1" customWidth="1"/>
    <col min="13067" max="13067" width="11.125" style="1" customWidth="1"/>
    <col min="13068" max="13068" width="7.5" style="1" customWidth="1"/>
    <col min="13069" max="13311" width="8.875" style="1"/>
    <col min="13312" max="13312" width="7.5" style="1" customWidth="1"/>
    <col min="13313" max="13313" width="11.125" style="1" customWidth="1"/>
    <col min="13314" max="13319" width="7.5" style="1" customWidth="1"/>
    <col min="13320" max="13320" width="28.125" style="1" customWidth="1"/>
    <col min="13321" max="13321" width="50" style="1" customWidth="1"/>
    <col min="13322" max="13322" width="2.5" style="1" customWidth="1"/>
    <col min="13323" max="13323" width="11.125" style="1" customWidth="1"/>
    <col min="13324" max="13324" width="7.5" style="1" customWidth="1"/>
    <col min="13325" max="13567" width="8.875" style="1"/>
    <col min="13568" max="13568" width="7.5" style="1" customWidth="1"/>
    <col min="13569" max="13569" width="11.125" style="1" customWidth="1"/>
    <col min="13570" max="13575" width="7.5" style="1" customWidth="1"/>
    <col min="13576" max="13576" width="28.125" style="1" customWidth="1"/>
    <col min="13577" max="13577" width="50" style="1" customWidth="1"/>
    <col min="13578" max="13578" width="2.5" style="1" customWidth="1"/>
    <col min="13579" max="13579" width="11.125" style="1" customWidth="1"/>
    <col min="13580" max="13580" width="7.5" style="1" customWidth="1"/>
    <col min="13581" max="13823" width="8.875" style="1"/>
    <col min="13824" max="13824" width="7.5" style="1" customWidth="1"/>
    <col min="13825" max="13825" width="11.125" style="1" customWidth="1"/>
    <col min="13826" max="13831" width="7.5" style="1" customWidth="1"/>
    <col min="13832" max="13832" width="28.125" style="1" customWidth="1"/>
    <col min="13833" max="13833" width="50" style="1" customWidth="1"/>
    <col min="13834" max="13834" width="2.5" style="1" customWidth="1"/>
    <col min="13835" max="13835" width="11.125" style="1" customWidth="1"/>
    <col min="13836" max="13836" width="7.5" style="1" customWidth="1"/>
    <col min="13837" max="14079" width="8.875" style="1"/>
    <col min="14080" max="14080" width="7.5" style="1" customWidth="1"/>
    <col min="14081" max="14081" width="11.125" style="1" customWidth="1"/>
    <col min="14082" max="14087" width="7.5" style="1" customWidth="1"/>
    <col min="14088" max="14088" width="28.125" style="1" customWidth="1"/>
    <col min="14089" max="14089" width="50" style="1" customWidth="1"/>
    <col min="14090" max="14090" width="2.5" style="1" customWidth="1"/>
    <col min="14091" max="14091" width="11.125" style="1" customWidth="1"/>
    <col min="14092" max="14092" width="7.5" style="1" customWidth="1"/>
    <col min="14093" max="14335" width="8.875" style="1"/>
    <col min="14336" max="14336" width="7.5" style="1" customWidth="1"/>
    <col min="14337" max="14337" width="11.125" style="1" customWidth="1"/>
    <col min="14338" max="14343" width="7.5" style="1" customWidth="1"/>
    <col min="14344" max="14344" width="28.125" style="1" customWidth="1"/>
    <col min="14345" max="14345" width="50" style="1" customWidth="1"/>
    <col min="14346" max="14346" width="2.5" style="1" customWidth="1"/>
    <col min="14347" max="14347" width="11.125" style="1" customWidth="1"/>
    <col min="14348" max="14348" width="7.5" style="1" customWidth="1"/>
    <col min="14349" max="14591" width="8.875" style="1"/>
    <col min="14592" max="14592" width="7.5" style="1" customWidth="1"/>
    <col min="14593" max="14593" width="11.125" style="1" customWidth="1"/>
    <col min="14594" max="14599" width="7.5" style="1" customWidth="1"/>
    <col min="14600" max="14600" width="28.125" style="1" customWidth="1"/>
    <col min="14601" max="14601" width="50" style="1" customWidth="1"/>
    <col min="14602" max="14602" width="2.5" style="1" customWidth="1"/>
    <col min="14603" max="14603" width="11.125" style="1" customWidth="1"/>
    <col min="14604" max="14604" width="7.5" style="1" customWidth="1"/>
    <col min="14605" max="14847" width="8.875" style="1"/>
    <col min="14848" max="14848" width="7.5" style="1" customWidth="1"/>
    <col min="14849" max="14849" width="11.125" style="1" customWidth="1"/>
    <col min="14850" max="14855" width="7.5" style="1" customWidth="1"/>
    <col min="14856" max="14856" width="28.125" style="1" customWidth="1"/>
    <col min="14857" max="14857" width="50" style="1" customWidth="1"/>
    <col min="14858" max="14858" width="2.5" style="1" customWidth="1"/>
    <col min="14859" max="14859" width="11.125" style="1" customWidth="1"/>
    <col min="14860" max="14860" width="7.5" style="1" customWidth="1"/>
    <col min="14861" max="15103" width="8.875" style="1"/>
    <col min="15104" max="15104" width="7.5" style="1" customWidth="1"/>
    <col min="15105" max="15105" width="11.125" style="1" customWidth="1"/>
    <col min="15106" max="15111" width="7.5" style="1" customWidth="1"/>
    <col min="15112" max="15112" width="28.125" style="1" customWidth="1"/>
    <col min="15113" max="15113" width="50" style="1" customWidth="1"/>
    <col min="15114" max="15114" width="2.5" style="1" customWidth="1"/>
    <col min="15115" max="15115" width="11.125" style="1" customWidth="1"/>
    <col min="15116" max="15116" width="7.5" style="1" customWidth="1"/>
    <col min="15117" max="15359" width="8.875" style="1"/>
    <col min="15360" max="15360" width="7.5" style="1" customWidth="1"/>
    <col min="15361" max="15361" width="11.125" style="1" customWidth="1"/>
    <col min="15362" max="15367" width="7.5" style="1" customWidth="1"/>
    <col min="15368" max="15368" width="28.125" style="1" customWidth="1"/>
    <col min="15369" max="15369" width="50" style="1" customWidth="1"/>
    <col min="15370" max="15370" width="2.5" style="1" customWidth="1"/>
    <col min="15371" max="15371" width="11.125" style="1" customWidth="1"/>
    <col min="15372" max="15372" width="7.5" style="1" customWidth="1"/>
    <col min="15373" max="15615" width="8.875" style="1"/>
    <col min="15616" max="15616" width="7.5" style="1" customWidth="1"/>
    <col min="15617" max="15617" width="11.125" style="1" customWidth="1"/>
    <col min="15618" max="15623" width="7.5" style="1" customWidth="1"/>
    <col min="15624" max="15624" width="28.125" style="1" customWidth="1"/>
    <col min="15625" max="15625" width="50" style="1" customWidth="1"/>
    <col min="15626" max="15626" width="2.5" style="1" customWidth="1"/>
    <col min="15627" max="15627" width="11.125" style="1" customWidth="1"/>
    <col min="15628" max="15628" width="7.5" style="1" customWidth="1"/>
    <col min="15629" max="15871" width="8.875" style="1"/>
    <col min="15872" max="15872" width="7.5" style="1" customWidth="1"/>
    <col min="15873" max="15873" width="11.125" style="1" customWidth="1"/>
    <col min="15874" max="15879" width="7.5" style="1" customWidth="1"/>
    <col min="15880" max="15880" width="28.125" style="1" customWidth="1"/>
    <col min="15881" max="15881" width="50" style="1" customWidth="1"/>
    <col min="15882" max="15882" width="2.5" style="1" customWidth="1"/>
    <col min="15883" max="15883" width="11.125" style="1" customWidth="1"/>
    <col min="15884" max="15884" width="7.5" style="1" customWidth="1"/>
    <col min="15885" max="16127" width="8.875" style="1"/>
    <col min="16128" max="16128" width="7.5" style="1" customWidth="1"/>
    <col min="16129" max="16129" width="11.125" style="1" customWidth="1"/>
    <col min="16130" max="16135" width="7.5" style="1" customWidth="1"/>
    <col min="16136" max="16136" width="28.125" style="1" customWidth="1"/>
    <col min="16137" max="16137" width="50" style="1" customWidth="1"/>
    <col min="16138" max="16138" width="2.5" style="1" customWidth="1"/>
    <col min="16139" max="16139" width="11.125" style="1" customWidth="1"/>
    <col min="16140" max="16140" width="7.5" style="1" customWidth="1"/>
    <col min="16141" max="16384" width="8.875" style="1"/>
  </cols>
  <sheetData>
    <row r="1" spans="1:12" ht="22.5" customHeight="1" x14ac:dyDescent="0.15">
      <c r="A1" s="160" t="s">
        <v>534</v>
      </c>
      <c r="C1" s="160"/>
      <c r="D1" s="160"/>
      <c r="E1" s="160"/>
      <c r="F1" s="160"/>
      <c r="G1" s="160"/>
      <c r="H1" s="160"/>
      <c r="I1" s="160"/>
      <c r="J1" s="160"/>
      <c r="K1" s="1"/>
      <c r="L1" s="1"/>
    </row>
    <row r="2" spans="1:12" s="2" customFormat="1" ht="22.5" customHeight="1" x14ac:dyDescent="0.15">
      <c r="A2" s="150"/>
    </row>
    <row r="3" spans="1:12" s="2" customFormat="1" ht="22.5" customHeight="1" x14ac:dyDescent="0.15">
      <c r="A3" s="13"/>
      <c r="B3" s="13"/>
      <c r="C3" s="13"/>
      <c r="D3" s="13"/>
      <c r="E3" s="13"/>
      <c r="F3" s="13"/>
      <c r="G3" s="13"/>
      <c r="H3" s="13"/>
      <c r="I3" s="13"/>
      <c r="J3" s="13"/>
      <c r="K3" s="13"/>
      <c r="L3" s="13"/>
    </row>
    <row r="4" spans="1:12" ht="22.5" customHeight="1" x14ac:dyDescent="0.2">
      <c r="A4" s="13"/>
      <c r="B4" s="22"/>
      <c r="C4" s="22"/>
      <c r="D4" s="22"/>
      <c r="E4" s="22"/>
      <c r="F4" s="22"/>
      <c r="G4" s="22"/>
      <c r="H4" s="22"/>
      <c r="I4" s="13"/>
      <c r="J4" s="22"/>
      <c r="K4" s="22"/>
      <c r="L4" s="13"/>
    </row>
    <row r="5" spans="1:12" ht="28.5" x14ac:dyDescent="0.3">
      <c r="A5" s="155"/>
      <c r="B5" s="271" t="s">
        <v>385</v>
      </c>
      <c r="C5" s="271"/>
      <c r="D5" s="271"/>
      <c r="E5" s="271"/>
      <c r="F5" s="271"/>
      <c r="G5" s="271"/>
      <c r="H5" s="271"/>
      <c r="I5" s="271"/>
      <c r="J5" s="271"/>
      <c r="K5" s="156"/>
      <c r="L5" s="154"/>
    </row>
    <row r="6" spans="1:12" ht="22.5" customHeight="1" x14ac:dyDescent="0.2">
      <c r="A6" s="157"/>
      <c r="B6" s="272" t="s">
        <v>412</v>
      </c>
      <c r="C6" s="272"/>
      <c r="D6" s="272"/>
      <c r="E6" s="272"/>
      <c r="F6" s="272"/>
      <c r="G6" s="272"/>
      <c r="H6" s="272"/>
      <c r="I6" s="272"/>
      <c r="J6" s="272"/>
      <c r="K6" s="193"/>
      <c r="L6" s="13"/>
    </row>
    <row r="7" spans="1:12" ht="18.75" x14ac:dyDescent="0.15">
      <c r="L7" s="13"/>
    </row>
    <row r="8" spans="1:12" ht="22.5" customHeight="1" x14ac:dyDescent="0.15">
      <c r="A8" s="270"/>
      <c r="B8" s="270"/>
      <c r="C8" s="270"/>
      <c r="D8" s="13"/>
      <c r="E8" s="25"/>
      <c r="F8" s="13"/>
      <c r="G8" s="13"/>
      <c r="H8" s="13"/>
      <c r="I8" s="13"/>
      <c r="J8" s="6" t="s">
        <v>202</v>
      </c>
      <c r="K8" s="6"/>
      <c r="L8" s="13"/>
    </row>
    <row r="9" spans="1:12" ht="22.5" customHeight="1" x14ac:dyDescent="0.15">
      <c r="B9" s="26" t="s">
        <v>68</v>
      </c>
      <c r="C9" s="27"/>
      <c r="D9" s="27"/>
      <c r="E9" s="27"/>
      <c r="F9" s="27"/>
      <c r="G9" s="27"/>
      <c r="H9" s="8"/>
      <c r="I9" s="10">
        <v>6744198190</v>
      </c>
      <c r="J9" s="12"/>
      <c r="L9" s="13"/>
    </row>
    <row r="10" spans="1:12" ht="22.5" customHeight="1" x14ac:dyDescent="0.15">
      <c r="B10" s="60"/>
      <c r="C10" s="28" t="s">
        <v>69</v>
      </c>
      <c r="D10" s="28"/>
      <c r="E10" s="28"/>
      <c r="F10" s="28"/>
      <c r="G10" s="28"/>
      <c r="H10" s="29"/>
      <c r="I10" s="14">
        <v>0</v>
      </c>
      <c r="J10" s="61"/>
      <c r="L10" s="13"/>
    </row>
    <row r="11" spans="1:12" ht="22.5" customHeight="1" x14ac:dyDescent="0.15">
      <c r="B11" s="60"/>
      <c r="C11" s="28" t="s">
        <v>70</v>
      </c>
      <c r="D11" s="28"/>
      <c r="E11" s="28"/>
      <c r="F11" s="28"/>
      <c r="G11" s="28"/>
      <c r="H11" s="29"/>
      <c r="I11" s="14">
        <v>0</v>
      </c>
      <c r="J11" s="61"/>
      <c r="L11" s="13"/>
    </row>
    <row r="12" spans="1:12" ht="22.5" customHeight="1" x14ac:dyDescent="0.15">
      <c r="B12" s="60"/>
      <c r="C12" s="28" t="s">
        <v>71</v>
      </c>
      <c r="D12" s="28"/>
      <c r="E12" s="28"/>
      <c r="F12" s="28"/>
      <c r="G12" s="28"/>
      <c r="H12" s="29"/>
      <c r="I12" s="14">
        <v>0</v>
      </c>
      <c r="J12" s="61"/>
      <c r="L12" s="13"/>
    </row>
    <row r="13" spans="1:12" ht="22.5" customHeight="1" x14ac:dyDescent="0.15">
      <c r="B13" s="60"/>
      <c r="C13" s="28" t="s">
        <v>72</v>
      </c>
      <c r="D13" s="28"/>
      <c r="E13" s="28"/>
      <c r="F13" s="28"/>
      <c r="G13" s="28"/>
      <c r="H13" s="29"/>
      <c r="I13" s="14">
        <v>0</v>
      </c>
      <c r="J13" s="61"/>
      <c r="L13" s="13"/>
    </row>
    <row r="14" spans="1:12" ht="22.5" customHeight="1" x14ac:dyDescent="0.15">
      <c r="B14" s="60"/>
      <c r="C14" s="28" t="s">
        <v>73</v>
      </c>
      <c r="D14" s="28"/>
      <c r="E14" s="28"/>
      <c r="F14" s="28"/>
      <c r="G14" s="28"/>
      <c r="H14" s="29"/>
      <c r="I14" s="14">
        <v>0</v>
      </c>
      <c r="J14" s="61"/>
      <c r="L14" s="13"/>
    </row>
    <row r="15" spans="1:12" ht="22.5" customHeight="1" x14ac:dyDescent="0.15">
      <c r="B15" s="60"/>
      <c r="C15" s="28" t="s">
        <v>74</v>
      </c>
      <c r="D15" s="28"/>
      <c r="E15" s="28"/>
      <c r="F15" s="28"/>
      <c r="G15" s="28"/>
      <c r="H15" s="29"/>
      <c r="I15" s="14">
        <v>0</v>
      </c>
      <c r="J15" s="61"/>
      <c r="L15" s="13"/>
    </row>
    <row r="16" spans="1:12" ht="22.5" customHeight="1" x14ac:dyDescent="0.15">
      <c r="B16" s="60"/>
      <c r="C16" s="28" t="s">
        <v>75</v>
      </c>
      <c r="D16" s="28"/>
      <c r="E16" s="28"/>
      <c r="F16" s="28"/>
      <c r="G16" s="28"/>
      <c r="H16" s="29"/>
      <c r="I16" s="14">
        <v>0</v>
      </c>
      <c r="J16" s="61"/>
      <c r="L16" s="13"/>
    </row>
    <row r="17" spans="2:12" ht="22.5" customHeight="1" x14ac:dyDescent="0.15">
      <c r="B17" s="60"/>
      <c r="C17" s="28" t="s">
        <v>76</v>
      </c>
      <c r="D17" s="28"/>
      <c r="E17" s="28"/>
      <c r="F17" s="28"/>
      <c r="G17" s="28"/>
      <c r="H17" s="29"/>
      <c r="I17" s="14">
        <v>0</v>
      </c>
      <c r="J17" s="61"/>
      <c r="L17" s="13"/>
    </row>
    <row r="18" spans="2:12" ht="22.5" customHeight="1" x14ac:dyDescent="0.15">
      <c r="B18" s="60"/>
      <c r="C18" s="28" t="s">
        <v>77</v>
      </c>
      <c r="D18" s="28"/>
      <c r="E18" s="28"/>
      <c r="F18" s="28"/>
      <c r="G18" s="28"/>
      <c r="H18" s="29"/>
      <c r="I18" s="14">
        <v>0</v>
      </c>
      <c r="J18" s="61"/>
      <c r="L18" s="13"/>
    </row>
    <row r="19" spans="2:12" ht="22.5" customHeight="1" x14ac:dyDescent="0.15">
      <c r="B19" s="60"/>
      <c r="C19" s="28" t="s">
        <v>78</v>
      </c>
      <c r="D19" s="28"/>
      <c r="E19" s="28"/>
      <c r="F19" s="28"/>
      <c r="G19" s="28"/>
      <c r="H19" s="29"/>
      <c r="I19" s="14">
        <v>6106464673</v>
      </c>
      <c r="J19" s="61"/>
      <c r="L19" s="13"/>
    </row>
    <row r="20" spans="2:12" ht="22.5" customHeight="1" x14ac:dyDescent="0.15">
      <c r="B20" s="60"/>
      <c r="C20" s="28"/>
      <c r="D20" s="28" t="s">
        <v>79</v>
      </c>
      <c r="E20" s="28"/>
      <c r="F20" s="28"/>
      <c r="G20" s="28"/>
      <c r="H20" s="29"/>
      <c r="I20" s="14">
        <v>5911316551</v>
      </c>
      <c r="J20" s="61"/>
      <c r="L20" s="13"/>
    </row>
    <row r="21" spans="2:12" ht="22.5" customHeight="1" x14ac:dyDescent="0.15">
      <c r="B21" s="60"/>
      <c r="C21" s="28"/>
      <c r="D21" s="28" t="s">
        <v>80</v>
      </c>
      <c r="E21" s="28"/>
      <c r="F21" s="28"/>
      <c r="G21" s="28"/>
      <c r="H21" s="29"/>
      <c r="I21" s="14">
        <v>135373</v>
      </c>
      <c r="J21" s="61"/>
      <c r="L21" s="13"/>
    </row>
    <row r="22" spans="2:12" ht="22.5" customHeight="1" x14ac:dyDescent="0.15">
      <c r="B22" s="60"/>
      <c r="C22" s="28"/>
      <c r="D22" s="28" t="s">
        <v>81</v>
      </c>
      <c r="E22" s="28"/>
      <c r="F22" s="28"/>
      <c r="G22" s="28"/>
      <c r="H22" s="29"/>
      <c r="I22" s="14">
        <v>195012749</v>
      </c>
      <c r="J22" s="61"/>
      <c r="L22" s="13"/>
    </row>
    <row r="23" spans="2:12" ht="22.5" customHeight="1" x14ac:dyDescent="0.15">
      <c r="B23" s="60"/>
      <c r="C23" s="28" t="s">
        <v>82</v>
      </c>
      <c r="D23" s="28"/>
      <c r="E23" s="28"/>
      <c r="F23" s="28"/>
      <c r="G23" s="28"/>
      <c r="H23" s="29"/>
      <c r="I23" s="14">
        <v>0</v>
      </c>
      <c r="J23" s="61"/>
      <c r="L23" s="13"/>
    </row>
    <row r="24" spans="2:12" ht="22.5" customHeight="1" x14ac:dyDescent="0.15">
      <c r="B24" s="249"/>
      <c r="C24" s="250" t="s">
        <v>83</v>
      </c>
      <c r="D24" s="250"/>
      <c r="E24" s="250"/>
      <c r="F24" s="28"/>
      <c r="G24" s="28"/>
      <c r="H24" s="29"/>
      <c r="I24" s="14">
        <v>637733307</v>
      </c>
      <c r="J24" s="61"/>
      <c r="L24" s="13"/>
    </row>
    <row r="25" spans="2:12" ht="22.5" customHeight="1" x14ac:dyDescent="0.15">
      <c r="B25" s="251"/>
      <c r="C25" s="252" t="s">
        <v>84</v>
      </c>
      <c r="D25" s="252"/>
      <c r="E25" s="252"/>
      <c r="F25" s="62"/>
      <c r="G25" s="62"/>
      <c r="H25" s="63"/>
      <c r="I25" s="64">
        <v>210</v>
      </c>
      <c r="J25" s="65"/>
      <c r="L25" s="13"/>
    </row>
    <row r="26" spans="2:12" ht="22.5" customHeight="1" x14ac:dyDescent="0.15">
      <c r="B26" s="249" t="s">
        <v>85</v>
      </c>
      <c r="C26" s="250"/>
      <c r="D26" s="250"/>
      <c r="E26" s="250"/>
      <c r="F26" s="28"/>
      <c r="G26" s="28"/>
      <c r="H26" s="29"/>
      <c r="I26" s="16">
        <v>6753498864</v>
      </c>
      <c r="J26" s="61"/>
      <c r="L26" s="13"/>
    </row>
    <row r="27" spans="2:12" ht="22.5" customHeight="1" x14ac:dyDescent="0.15">
      <c r="B27" s="249"/>
      <c r="C27" s="250" t="s">
        <v>86</v>
      </c>
      <c r="D27" s="250"/>
      <c r="E27" s="250"/>
      <c r="F27" s="28"/>
      <c r="G27" s="28"/>
      <c r="H27" s="29"/>
      <c r="I27" s="14">
        <v>112136973</v>
      </c>
      <c r="J27" s="66"/>
      <c r="L27" s="13"/>
    </row>
    <row r="28" spans="2:12" ht="22.5" customHeight="1" x14ac:dyDescent="0.15">
      <c r="B28" s="60"/>
      <c r="C28" s="28" t="s">
        <v>87</v>
      </c>
      <c r="D28" s="28"/>
      <c r="E28" s="28"/>
      <c r="F28" s="28"/>
      <c r="G28" s="28"/>
      <c r="H28" s="29"/>
      <c r="I28" s="14">
        <v>9946136</v>
      </c>
      <c r="J28" s="66"/>
      <c r="L28" s="13"/>
    </row>
    <row r="29" spans="2:12" ht="22.5" customHeight="1" x14ac:dyDescent="0.15">
      <c r="B29" s="60"/>
      <c r="C29" s="28" t="s">
        <v>88</v>
      </c>
      <c r="D29" s="28"/>
      <c r="E29" s="28"/>
      <c r="F29" s="28"/>
      <c r="G29" s="28"/>
      <c r="H29" s="29"/>
      <c r="I29" s="14">
        <v>9546915</v>
      </c>
      <c r="J29" s="66"/>
      <c r="L29" s="13"/>
    </row>
    <row r="30" spans="2:12" ht="22.5" customHeight="1" x14ac:dyDescent="0.15">
      <c r="B30" s="60"/>
      <c r="C30" s="28" t="s">
        <v>89</v>
      </c>
      <c r="D30" s="28"/>
      <c r="E30" s="28"/>
      <c r="F30" s="28"/>
      <c r="G30" s="28"/>
      <c r="H30" s="29"/>
      <c r="I30" s="14">
        <v>20049780</v>
      </c>
      <c r="J30" s="66"/>
      <c r="L30" s="13"/>
    </row>
    <row r="31" spans="2:12" ht="22.5" customHeight="1" x14ac:dyDescent="0.15">
      <c r="B31" s="60"/>
      <c r="C31" s="28" t="s">
        <v>90</v>
      </c>
      <c r="D31" s="28"/>
      <c r="E31" s="28"/>
      <c r="F31" s="28"/>
      <c r="G31" s="28"/>
      <c r="H31" s="29"/>
      <c r="I31" s="14">
        <v>37800</v>
      </c>
      <c r="J31" s="66"/>
      <c r="L31" s="13"/>
    </row>
    <row r="32" spans="2:12" ht="22.5" customHeight="1" x14ac:dyDescent="0.15">
      <c r="B32" s="60"/>
      <c r="C32" s="28" t="s">
        <v>91</v>
      </c>
      <c r="D32" s="28"/>
      <c r="E32" s="28"/>
      <c r="F32" s="28"/>
      <c r="G32" s="28"/>
      <c r="H32" s="29"/>
      <c r="I32" s="14">
        <v>0</v>
      </c>
      <c r="J32" s="66"/>
      <c r="L32" s="13"/>
    </row>
    <row r="33" spans="2:12" ht="22.5" customHeight="1" x14ac:dyDescent="0.15">
      <c r="B33" s="60"/>
      <c r="C33" s="28" t="s">
        <v>92</v>
      </c>
      <c r="D33" s="28"/>
      <c r="E33" s="28"/>
      <c r="F33" s="28"/>
      <c r="G33" s="28"/>
      <c r="H33" s="29"/>
      <c r="I33" s="14">
        <v>6600402550</v>
      </c>
      <c r="J33" s="66"/>
      <c r="L33" s="13"/>
    </row>
    <row r="34" spans="2:12" ht="22.5" customHeight="1" x14ac:dyDescent="0.15">
      <c r="B34" s="60"/>
      <c r="C34" s="28" t="s">
        <v>93</v>
      </c>
      <c r="D34" s="28"/>
      <c r="E34" s="28"/>
      <c r="F34" s="28"/>
      <c r="G34" s="28"/>
      <c r="H34" s="29"/>
      <c r="I34" s="14">
        <v>0</v>
      </c>
      <c r="J34" s="66"/>
      <c r="L34" s="13"/>
    </row>
    <row r="35" spans="2:12" ht="22.5" customHeight="1" x14ac:dyDescent="0.15">
      <c r="B35" s="60"/>
      <c r="C35" s="28" t="s">
        <v>94</v>
      </c>
      <c r="D35" s="28"/>
      <c r="E35" s="28"/>
      <c r="F35" s="28"/>
      <c r="G35" s="28"/>
      <c r="H35" s="29"/>
      <c r="I35" s="14">
        <v>0</v>
      </c>
      <c r="J35" s="66"/>
      <c r="L35" s="13"/>
    </row>
    <row r="36" spans="2:12" ht="22.5" customHeight="1" x14ac:dyDescent="0.15">
      <c r="B36" s="60"/>
      <c r="C36" s="28" t="s">
        <v>95</v>
      </c>
      <c r="D36" s="28"/>
      <c r="E36" s="28"/>
      <c r="F36" s="28"/>
      <c r="G36" s="28"/>
      <c r="H36" s="29"/>
      <c r="I36" s="14">
        <v>0</v>
      </c>
      <c r="J36" s="66"/>
      <c r="L36" s="13"/>
    </row>
    <row r="37" spans="2:12" ht="22.5" customHeight="1" x14ac:dyDescent="0.15">
      <c r="B37" s="60"/>
      <c r="C37" s="28" t="s">
        <v>96</v>
      </c>
      <c r="D37" s="28"/>
      <c r="E37" s="28"/>
      <c r="F37" s="28"/>
      <c r="G37" s="28"/>
      <c r="H37" s="29"/>
      <c r="I37" s="14">
        <v>0</v>
      </c>
      <c r="J37" s="66"/>
      <c r="L37" s="13"/>
    </row>
    <row r="38" spans="2:12" ht="22.5" customHeight="1" x14ac:dyDescent="0.15">
      <c r="B38" s="60"/>
      <c r="C38" s="28" t="s">
        <v>97</v>
      </c>
      <c r="D38" s="28"/>
      <c r="E38" s="28"/>
      <c r="F38" s="28"/>
      <c r="G38" s="28"/>
      <c r="H38" s="29"/>
      <c r="I38" s="14">
        <v>0</v>
      </c>
      <c r="J38" s="66"/>
      <c r="L38" s="13"/>
    </row>
    <row r="39" spans="2:12" ht="22.5" customHeight="1" x14ac:dyDescent="0.15">
      <c r="B39" s="60"/>
      <c r="C39" s="28" t="s">
        <v>98</v>
      </c>
      <c r="D39" s="28"/>
      <c r="E39" s="28"/>
      <c r="F39" s="28"/>
      <c r="G39" s="28"/>
      <c r="H39" s="29"/>
      <c r="I39" s="14">
        <v>1378710</v>
      </c>
      <c r="J39" s="66"/>
      <c r="L39" s="13"/>
    </row>
    <row r="40" spans="2:12" ht="22.5" customHeight="1" x14ac:dyDescent="0.15">
      <c r="B40" s="60"/>
      <c r="C40" s="28" t="s">
        <v>99</v>
      </c>
      <c r="D40" s="28"/>
      <c r="E40" s="28"/>
      <c r="F40" s="28"/>
      <c r="G40" s="28"/>
      <c r="H40" s="29"/>
      <c r="I40" s="14">
        <v>0</v>
      </c>
      <c r="J40" s="66"/>
      <c r="L40" s="13"/>
    </row>
    <row r="41" spans="2:12" ht="22.5" customHeight="1" x14ac:dyDescent="0.15">
      <c r="B41" s="60"/>
      <c r="C41" s="28"/>
      <c r="D41" s="28" t="s">
        <v>100</v>
      </c>
      <c r="E41" s="28"/>
      <c r="F41" s="28"/>
      <c r="G41" s="28"/>
      <c r="H41" s="29"/>
      <c r="I41" s="14">
        <v>0</v>
      </c>
      <c r="J41" s="66"/>
      <c r="L41" s="13"/>
    </row>
    <row r="42" spans="2:12" ht="22.5" customHeight="1" x14ac:dyDescent="0.15">
      <c r="B42" s="60"/>
      <c r="C42" s="28"/>
      <c r="D42" s="28" t="s">
        <v>101</v>
      </c>
      <c r="E42" s="28"/>
      <c r="F42" s="28"/>
      <c r="G42" s="28"/>
      <c r="H42" s="29"/>
      <c r="I42" s="14">
        <v>0</v>
      </c>
      <c r="J42" s="66"/>
      <c r="L42" s="13"/>
    </row>
    <row r="43" spans="2:12" ht="22.5" customHeight="1" x14ac:dyDescent="0.15">
      <c r="B43" s="60"/>
      <c r="C43" s="28"/>
      <c r="D43" s="28" t="s">
        <v>102</v>
      </c>
      <c r="E43" s="28"/>
      <c r="F43" s="28"/>
      <c r="G43" s="28"/>
      <c r="H43" s="29"/>
      <c r="I43" s="14">
        <v>0</v>
      </c>
      <c r="J43" s="66"/>
      <c r="L43" s="13"/>
    </row>
    <row r="44" spans="2:12" ht="22.5" customHeight="1" x14ac:dyDescent="0.15">
      <c r="B44" s="60"/>
      <c r="C44" s="28" t="s">
        <v>103</v>
      </c>
      <c r="D44" s="28"/>
      <c r="E44" s="28"/>
      <c r="F44" s="28"/>
      <c r="G44" s="28"/>
      <c r="H44" s="29"/>
      <c r="I44" s="14">
        <v>0</v>
      </c>
      <c r="J44" s="66"/>
      <c r="L44" s="13"/>
    </row>
    <row r="45" spans="2:12" ht="22.5" customHeight="1" x14ac:dyDescent="0.15">
      <c r="B45" s="56" t="s">
        <v>104</v>
      </c>
      <c r="C45" s="57"/>
      <c r="D45" s="57"/>
      <c r="E45" s="57"/>
      <c r="F45" s="57"/>
      <c r="G45" s="57"/>
      <c r="H45" s="58"/>
      <c r="I45" s="48">
        <v>-9300674</v>
      </c>
      <c r="J45" s="59"/>
      <c r="L45" s="13"/>
    </row>
    <row r="46" spans="2:12" ht="22.5" customHeight="1" x14ac:dyDescent="0.15">
      <c r="B46" s="60" t="s">
        <v>105</v>
      </c>
      <c r="C46" s="28"/>
      <c r="D46" s="28"/>
      <c r="E46" s="28"/>
      <c r="F46" s="28"/>
      <c r="G46" s="28"/>
      <c r="H46" s="29"/>
      <c r="I46" s="16">
        <v>0</v>
      </c>
      <c r="J46" s="66"/>
      <c r="L46" s="13"/>
    </row>
    <row r="47" spans="2:12" ht="22.5" customHeight="1" x14ac:dyDescent="0.15">
      <c r="B47" s="60"/>
      <c r="C47" s="28" t="s">
        <v>106</v>
      </c>
      <c r="D47" s="28"/>
      <c r="E47" s="28"/>
      <c r="F47" s="28"/>
      <c r="G47" s="28"/>
      <c r="H47" s="29"/>
      <c r="I47" s="14">
        <v>0</v>
      </c>
      <c r="J47" s="66"/>
      <c r="L47" s="13"/>
    </row>
    <row r="48" spans="2:12" ht="22.5" customHeight="1" x14ac:dyDescent="0.15">
      <c r="B48" s="60"/>
      <c r="C48" s="28" t="s">
        <v>107</v>
      </c>
      <c r="D48" s="28"/>
      <c r="E48" s="28"/>
      <c r="F48" s="28"/>
      <c r="G48" s="28"/>
      <c r="H48" s="29"/>
      <c r="I48" s="14">
        <v>0</v>
      </c>
      <c r="J48" s="66"/>
      <c r="L48" s="13"/>
    </row>
    <row r="49" spans="1:12" ht="22.5" customHeight="1" x14ac:dyDescent="0.15">
      <c r="B49" s="60"/>
      <c r="C49" s="28" t="s">
        <v>108</v>
      </c>
      <c r="D49" s="28"/>
      <c r="E49" s="28"/>
      <c r="F49" s="28"/>
      <c r="G49" s="28"/>
      <c r="H49" s="29"/>
      <c r="I49" s="14">
        <v>0</v>
      </c>
      <c r="J49" s="66"/>
      <c r="L49" s="13"/>
    </row>
    <row r="50" spans="1:12" ht="22.5" customHeight="1" x14ac:dyDescent="0.15">
      <c r="B50" s="60"/>
      <c r="C50" s="28" t="s">
        <v>109</v>
      </c>
      <c r="D50" s="28"/>
      <c r="E50" s="28"/>
      <c r="F50" s="28"/>
      <c r="G50" s="28"/>
      <c r="H50" s="29"/>
      <c r="I50" s="14">
        <v>0</v>
      </c>
      <c r="J50" s="66"/>
      <c r="L50" s="13"/>
    </row>
    <row r="51" spans="1:12" ht="22.5" customHeight="1" x14ac:dyDescent="0.15">
      <c r="B51" s="60" t="s">
        <v>110</v>
      </c>
      <c r="C51" s="28"/>
      <c r="D51" s="28"/>
      <c r="E51" s="28"/>
      <c r="F51" s="28"/>
      <c r="G51" s="28"/>
      <c r="H51" s="29"/>
      <c r="I51" s="14">
        <v>0</v>
      </c>
      <c r="J51" s="66"/>
      <c r="L51" s="13"/>
    </row>
    <row r="52" spans="1:12" ht="22.5" customHeight="1" x14ac:dyDescent="0.15">
      <c r="B52" s="60"/>
      <c r="C52" s="28" t="s">
        <v>111</v>
      </c>
      <c r="D52" s="28"/>
      <c r="E52" s="28"/>
      <c r="F52" s="28"/>
      <c r="G52" s="28"/>
      <c r="H52" s="29"/>
      <c r="I52" s="14">
        <v>0</v>
      </c>
      <c r="J52" s="66"/>
      <c r="L52" s="13"/>
    </row>
    <row r="53" spans="1:12" ht="22.5" customHeight="1" x14ac:dyDescent="0.15">
      <c r="B53" s="60"/>
      <c r="C53" s="28" t="s">
        <v>112</v>
      </c>
      <c r="D53" s="28"/>
      <c r="E53" s="28"/>
      <c r="F53" s="28"/>
      <c r="G53" s="28"/>
      <c r="H53" s="29"/>
      <c r="I53" s="14">
        <v>0</v>
      </c>
      <c r="J53" s="66"/>
      <c r="L53" s="13"/>
    </row>
    <row r="54" spans="1:12" ht="22.5" customHeight="1" x14ac:dyDescent="0.15">
      <c r="B54" s="60"/>
      <c r="C54" s="28" t="s">
        <v>93</v>
      </c>
      <c r="D54" s="28"/>
      <c r="E54" s="28"/>
      <c r="F54" s="28"/>
      <c r="G54" s="28"/>
      <c r="H54" s="29"/>
      <c r="I54" s="14">
        <v>0</v>
      </c>
      <c r="J54" s="66"/>
      <c r="L54" s="13"/>
    </row>
    <row r="55" spans="1:12" ht="22.5" customHeight="1" x14ac:dyDescent="0.15">
      <c r="B55" s="60"/>
      <c r="C55" s="28" t="s">
        <v>113</v>
      </c>
      <c r="D55" s="28"/>
      <c r="E55" s="28"/>
      <c r="F55" s="28"/>
      <c r="G55" s="28"/>
      <c r="H55" s="29"/>
      <c r="I55" s="14">
        <v>0</v>
      </c>
      <c r="J55" s="66"/>
      <c r="L55" s="13"/>
    </row>
    <row r="56" spans="1:12" ht="22.5" customHeight="1" x14ac:dyDescent="0.15">
      <c r="B56" s="60"/>
      <c r="C56" s="28" t="s">
        <v>108</v>
      </c>
      <c r="D56" s="28"/>
      <c r="E56" s="28"/>
      <c r="F56" s="28"/>
      <c r="G56" s="28"/>
      <c r="H56" s="29"/>
      <c r="I56" s="14">
        <v>0</v>
      </c>
      <c r="J56" s="66"/>
      <c r="L56" s="13"/>
    </row>
    <row r="57" spans="1:12" ht="22.5" customHeight="1" x14ac:dyDescent="0.15">
      <c r="B57" s="60"/>
      <c r="C57" s="28" t="s">
        <v>114</v>
      </c>
      <c r="D57" s="28"/>
      <c r="E57" s="28"/>
      <c r="F57" s="28"/>
      <c r="G57" s="28"/>
      <c r="H57" s="29"/>
      <c r="I57" s="14">
        <v>0</v>
      </c>
      <c r="J57" s="66"/>
      <c r="L57" s="13"/>
    </row>
    <row r="58" spans="1:12" ht="22.5" customHeight="1" x14ac:dyDescent="0.15">
      <c r="B58" s="56" t="s">
        <v>115</v>
      </c>
      <c r="C58" s="57"/>
      <c r="D58" s="57"/>
      <c r="E58" s="57"/>
      <c r="F58" s="57"/>
      <c r="G58" s="57"/>
      <c r="H58" s="58"/>
      <c r="I58" s="48">
        <v>0</v>
      </c>
      <c r="J58" s="59"/>
      <c r="L58" s="13"/>
    </row>
    <row r="59" spans="1:12" ht="22.5" customHeight="1" x14ac:dyDescent="0.15">
      <c r="A59" s="13"/>
      <c r="B59" s="56" t="s">
        <v>116</v>
      </c>
      <c r="C59" s="47"/>
      <c r="D59" s="47"/>
      <c r="E59" s="47"/>
      <c r="F59" s="47"/>
      <c r="G59" s="47"/>
      <c r="H59" s="47"/>
      <c r="I59" s="48">
        <v>-9300674</v>
      </c>
      <c r="J59" s="52"/>
      <c r="L59" s="13"/>
    </row>
    <row r="60" spans="1:12" ht="22.5" customHeight="1" x14ac:dyDescent="0.15">
      <c r="A60" s="13"/>
      <c r="B60"/>
      <c r="C60"/>
      <c r="D60"/>
      <c r="E60"/>
      <c r="F60"/>
      <c r="G60"/>
      <c r="H60"/>
      <c r="I60"/>
      <c r="J60"/>
      <c r="L60" s="13"/>
    </row>
    <row r="61" spans="1:12" ht="22.5" customHeight="1" x14ac:dyDescent="0.15">
      <c r="A61" s="13"/>
      <c r="B61"/>
      <c r="C61"/>
      <c r="D61"/>
      <c r="E61"/>
      <c r="F61"/>
      <c r="G61"/>
      <c r="H61"/>
      <c r="I61"/>
      <c r="J61"/>
      <c r="K61" s="14"/>
      <c r="L61" s="13"/>
    </row>
    <row r="62" spans="1:12" ht="22.5" customHeight="1" x14ac:dyDescent="0.15">
      <c r="A62" s="13"/>
      <c r="B62" s="13"/>
      <c r="C62" s="13"/>
      <c r="D62" s="13"/>
      <c r="E62" s="13"/>
      <c r="F62" s="13"/>
      <c r="G62" s="13"/>
      <c r="H62" s="13"/>
      <c r="I62" s="14"/>
      <c r="J62" s="14"/>
      <c r="K62" s="14"/>
      <c r="L62" s="13"/>
    </row>
    <row r="63" spans="1:12" s="2" customFormat="1" ht="22.5" customHeight="1" x14ac:dyDescent="0.15">
      <c r="A63" s="13"/>
      <c r="B63" s="13"/>
      <c r="C63" s="13"/>
      <c r="D63" s="13"/>
      <c r="E63" s="13"/>
      <c r="F63" s="13"/>
      <c r="G63" s="13"/>
      <c r="H63" s="13"/>
      <c r="I63" s="16"/>
      <c r="J63" s="16"/>
      <c r="K63" s="16"/>
      <c r="L63" s="13"/>
    </row>
    <row r="64" spans="1:12" ht="22.5" customHeight="1" x14ac:dyDescent="0.15">
      <c r="A64" s="13"/>
      <c r="B64" s="13"/>
      <c r="C64" s="13"/>
      <c r="D64" s="13"/>
      <c r="E64" s="13"/>
      <c r="F64" s="13"/>
      <c r="G64" s="13"/>
      <c r="H64" s="13"/>
      <c r="I64" s="16"/>
      <c r="J64" s="16"/>
      <c r="K64" s="16"/>
    </row>
    <row r="65" spans="1:13" ht="22.5" customHeight="1" x14ac:dyDescent="0.15">
      <c r="A65" s="13"/>
      <c r="B65" s="13"/>
      <c r="C65" s="13"/>
      <c r="D65" s="13"/>
      <c r="E65" s="13"/>
      <c r="F65" s="13"/>
      <c r="G65" s="13"/>
      <c r="H65" s="13"/>
      <c r="I65" s="16"/>
      <c r="J65" s="16"/>
      <c r="K65" s="16"/>
    </row>
    <row r="66" spans="1:13" ht="22.5" customHeight="1" x14ac:dyDescent="0.15">
      <c r="A66" s="13"/>
      <c r="B66" s="13"/>
      <c r="C66" s="13"/>
      <c r="D66" s="13"/>
      <c r="E66" s="13"/>
      <c r="F66" s="13"/>
      <c r="G66" s="13"/>
      <c r="H66" s="13"/>
      <c r="I66" s="16"/>
      <c r="J66" s="16"/>
      <c r="K66" s="16"/>
    </row>
    <row r="67" spans="1:13" ht="22.5" customHeight="1" x14ac:dyDescent="0.15">
      <c r="A67" s="13"/>
      <c r="B67" s="13"/>
      <c r="C67" s="13"/>
      <c r="D67" s="13"/>
      <c r="E67" s="13"/>
      <c r="F67" s="13"/>
      <c r="G67" s="13"/>
      <c r="H67" s="13"/>
      <c r="I67" s="16"/>
      <c r="J67" s="16"/>
      <c r="K67" s="16"/>
    </row>
    <row r="68" spans="1:13" ht="22.5" customHeight="1" x14ac:dyDescent="0.15">
      <c r="A68" s="13"/>
      <c r="B68" s="13"/>
      <c r="C68" s="13"/>
      <c r="D68" s="13"/>
      <c r="E68" s="13"/>
      <c r="F68" s="13"/>
      <c r="G68" s="13"/>
      <c r="H68" s="13"/>
      <c r="I68" s="16"/>
      <c r="J68" s="16"/>
      <c r="K68" s="16"/>
    </row>
    <row r="69" spans="1:13" ht="22.5" customHeight="1" x14ac:dyDescent="0.15">
      <c r="A69" s="13"/>
      <c r="B69" s="13"/>
      <c r="C69" s="13"/>
      <c r="D69" s="13"/>
      <c r="E69" s="13"/>
      <c r="F69" s="13"/>
      <c r="G69" s="13"/>
      <c r="H69" s="13"/>
      <c r="I69" s="16"/>
      <c r="J69" s="16"/>
      <c r="K69" s="16"/>
    </row>
    <row r="70" spans="1:13" ht="22.5" customHeight="1" x14ac:dyDescent="0.15">
      <c r="A70" s="13"/>
      <c r="B70" s="13"/>
      <c r="C70" s="13"/>
      <c r="D70" s="13"/>
      <c r="E70" s="13"/>
      <c r="F70" s="13"/>
      <c r="G70" s="13"/>
      <c r="H70" s="13"/>
      <c r="I70" s="16"/>
      <c r="J70" s="16"/>
      <c r="K70" s="16"/>
    </row>
    <row r="71" spans="1:13" ht="22.5" customHeight="1" x14ac:dyDescent="0.15">
      <c r="A71" s="13"/>
      <c r="B71" s="13"/>
      <c r="C71" s="13"/>
      <c r="D71" s="13"/>
      <c r="E71" s="13"/>
      <c r="F71" s="13"/>
      <c r="G71" s="13"/>
      <c r="H71" s="13"/>
      <c r="I71" s="16"/>
      <c r="J71" s="16"/>
      <c r="K71" s="16"/>
    </row>
    <row r="72" spans="1:13" ht="22.5" customHeight="1" x14ac:dyDescent="0.15">
      <c r="A72" s="13"/>
      <c r="B72" s="13"/>
      <c r="C72" s="13"/>
      <c r="D72" s="13"/>
      <c r="E72" s="13"/>
      <c r="F72" s="13"/>
      <c r="G72" s="13"/>
      <c r="H72" s="13"/>
      <c r="I72" s="16"/>
      <c r="J72" s="16"/>
      <c r="K72" s="16"/>
    </row>
    <row r="73" spans="1:13" s="24" customFormat="1" ht="22.5" customHeight="1" x14ac:dyDescent="0.15">
      <c r="A73" s="13"/>
      <c r="B73" s="13"/>
      <c r="C73" s="13"/>
      <c r="D73" s="13"/>
      <c r="E73" s="13"/>
      <c r="F73" s="13"/>
      <c r="G73" s="13"/>
      <c r="H73" s="13"/>
      <c r="I73" s="16"/>
      <c r="J73" s="16"/>
      <c r="K73" s="16"/>
      <c r="M73" s="13"/>
    </row>
    <row r="74" spans="1:13" s="24" customFormat="1" ht="22.5" customHeight="1" x14ac:dyDescent="0.15">
      <c r="A74" s="13"/>
      <c r="B74" s="13"/>
      <c r="C74" s="13"/>
      <c r="D74" s="13"/>
      <c r="E74" s="13"/>
      <c r="F74" s="13"/>
      <c r="G74" s="13"/>
      <c r="H74" s="13"/>
      <c r="I74" s="16"/>
      <c r="J74" s="16"/>
      <c r="K74" s="16"/>
      <c r="M74" s="13"/>
    </row>
    <row r="75" spans="1:13" s="24" customFormat="1" ht="22.5" customHeight="1" x14ac:dyDescent="0.15">
      <c r="A75" s="13"/>
      <c r="B75" s="13"/>
      <c r="C75" s="13"/>
      <c r="D75" s="13"/>
      <c r="E75" s="13"/>
      <c r="F75" s="13"/>
      <c r="G75" s="13"/>
      <c r="H75" s="13"/>
      <c r="I75" s="16"/>
      <c r="J75" s="16"/>
      <c r="K75" s="16"/>
      <c r="M75" s="13"/>
    </row>
    <row r="76" spans="1:13" s="24" customFormat="1" ht="22.5" customHeight="1" x14ac:dyDescent="0.15">
      <c r="A76" s="13"/>
      <c r="B76" s="13"/>
      <c r="C76" s="13"/>
      <c r="D76" s="13"/>
      <c r="E76" s="13"/>
      <c r="F76" s="13"/>
      <c r="G76" s="13"/>
      <c r="H76" s="13"/>
      <c r="I76" s="16"/>
      <c r="J76" s="16"/>
      <c r="K76" s="16"/>
      <c r="M76" s="13"/>
    </row>
    <row r="77" spans="1:13" s="24" customFormat="1" ht="22.5" customHeight="1" x14ac:dyDescent="0.15">
      <c r="A77" s="13"/>
      <c r="B77" s="13"/>
      <c r="C77" s="13"/>
      <c r="D77" s="13"/>
      <c r="E77" s="13"/>
      <c r="F77" s="13"/>
      <c r="G77" s="13"/>
      <c r="H77" s="13"/>
      <c r="I77" s="16"/>
      <c r="J77" s="16"/>
      <c r="K77" s="16"/>
      <c r="M77" s="13"/>
    </row>
    <row r="78" spans="1:13" s="24" customFormat="1" ht="22.5" customHeight="1" x14ac:dyDescent="0.15">
      <c r="A78" s="13"/>
      <c r="B78" s="13"/>
      <c r="C78" s="13"/>
      <c r="D78" s="13"/>
      <c r="E78" s="13"/>
      <c r="F78" s="13"/>
      <c r="G78" s="13"/>
      <c r="H78" s="13"/>
      <c r="I78" s="16"/>
      <c r="J78" s="16"/>
      <c r="K78" s="16"/>
      <c r="M78" s="13"/>
    </row>
    <row r="79" spans="1:13" s="24" customFormat="1" ht="22.5" customHeight="1" x14ac:dyDescent="0.15">
      <c r="A79" s="13"/>
      <c r="B79" s="13"/>
      <c r="C79" s="13"/>
      <c r="D79" s="13"/>
      <c r="E79" s="13"/>
      <c r="F79" s="13"/>
      <c r="G79" s="13"/>
      <c r="H79" s="13"/>
      <c r="I79" s="16"/>
      <c r="J79" s="16"/>
      <c r="K79" s="16"/>
      <c r="M79" s="13"/>
    </row>
    <row r="80" spans="1:13" s="24" customFormat="1" ht="22.5" customHeight="1" x14ac:dyDescent="0.15">
      <c r="A80" s="13"/>
      <c r="B80" s="13"/>
      <c r="C80" s="13"/>
      <c r="D80" s="13"/>
      <c r="E80" s="13"/>
      <c r="F80" s="13"/>
      <c r="G80" s="13"/>
      <c r="H80" s="13"/>
      <c r="I80" s="16"/>
      <c r="J80" s="16"/>
      <c r="K80" s="16"/>
      <c r="M80" s="13"/>
    </row>
    <row r="81" spans="1:13" s="24" customFormat="1" ht="22.5" customHeight="1" x14ac:dyDescent="0.15">
      <c r="A81" s="13"/>
      <c r="B81" s="13"/>
      <c r="C81" s="13"/>
      <c r="D81" s="13"/>
      <c r="E81" s="13"/>
      <c r="F81" s="13"/>
      <c r="G81" s="13"/>
      <c r="H81" s="13"/>
      <c r="I81" s="16"/>
      <c r="J81" s="16"/>
      <c r="K81" s="16"/>
      <c r="M81" s="13"/>
    </row>
    <row r="82" spans="1:13" s="24" customFormat="1" ht="22.5" customHeight="1" x14ac:dyDescent="0.15">
      <c r="A82" s="13"/>
      <c r="B82" s="13"/>
      <c r="C82" s="13"/>
      <c r="D82" s="13"/>
      <c r="E82" s="13"/>
      <c r="F82" s="13"/>
      <c r="G82" s="13"/>
      <c r="H82" s="13"/>
      <c r="I82" s="16"/>
      <c r="J82" s="16"/>
      <c r="K82" s="16"/>
      <c r="M82" s="13"/>
    </row>
    <row r="83" spans="1:13" s="24" customFormat="1" ht="22.5" customHeight="1" x14ac:dyDescent="0.15">
      <c r="A83" s="13"/>
      <c r="B83" s="13"/>
      <c r="C83" s="13"/>
      <c r="D83" s="13"/>
      <c r="E83" s="13"/>
      <c r="F83" s="13"/>
      <c r="G83" s="13"/>
      <c r="H83" s="13"/>
      <c r="I83" s="16"/>
      <c r="J83" s="16"/>
      <c r="K83" s="16"/>
      <c r="M83" s="13"/>
    </row>
    <row r="84" spans="1:13" s="24" customFormat="1" ht="22.5" customHeight="1" x14ac:dyDescent="0.15">
      <c r="A84" s="13"/>
      <c r="B84" s="13"/>
      <c r="C84" s="13"/>
      <c r="D84" s="13"/>
      <c r="E84" s="13"/>
      <c r="F84" s="13"/>
      <c r="G84" s="13"/>
      <c r="H84" s="13"/>
      <c r="I84" s="16"/>
      <c r="J84" s="16"/>
      <c r="K84" s="16"/>
      <c r="M84" s="13"/>
    </row>
    <row r="85" spans="1:13" s="24" customFormat="1" ht="22.5" customHeight="1" x14ac:dyDescent="0.15">
      <c r="A85" s="13"/>
      <c r="B85" s="13"/>
      <c r="C85" s="13"/>
      <c r="D85" s="13"/>
      <c r="E85" s="13"/>
      <c r="F85" s="13"/>
      <c r="G85" s="13"/>
      <c r="H85" s="13"/>
      <c r="I85" s="16"/>
      <c r="J85" s="16"/>
      <c r="K85" s="16"/>
      <c r="M85" s="13"/>
    </row>
    <row r="86" spans="1:13" s="24" customFormat="1" ht="22.5" customHeight="1" x14ac:dyDescent="0.15">
      <c r="A86" s="13"/>
      <c r="B86" s="13"/>
      <c r="C86" s="13"/>
      <c r="D86" s="13"/>
      <c r="E86" s="13"/>
      <c r="F86" s="13"/>
      <c r="G86" s="13"/>
      <c r="H86" s="13"/>
      <c r="I86" s="16"/>
      <c r="J86" s="16"/>
      <c r="K86" s="16"/>
      <c r="M86" s="13"/>
    </row>
    <row r="87" spans="1:13" s="24" customFormat="1" ht="22.5" customHeight="1" x14ac:dyDescent="0.15">
      <c r="A87" s="13"/>
      <c r="B87" s="13"/>
      <c r="C87" s="13"/>
      <c r="D87" s="13"/>
      <c r="E87" s="13"/>
      <c r="F87" s="13"/>
      <c r="G87" s="13"/>
      <c r="H87" s="13"/>
      <c r="I87" s="16"/>
      <c r="J87" s="16"/>
      <c r="K87" s="16"/>
      <c r="M87" s="13"/>
    </row>
    <row r="88" spans="1:13" s="24" customFormat="1" ht="22.5" customHeight="1" x14ac:dyDescent="0.15">
      <c r="A88" s="13"/>
      <c r="B88" s="13"/>
      <c r="C88" s="13"/>
      <c r="D88" s="13"/>
      <c r="E88" s="13"/>
      <c r="F88" s="13"/>
      <c r="G88" s="13"/>
      <c r="H88" s="13"/>
      <c r="I88" s="16"/>
      <c r="J88" s="16"/>
      <c r="K88" s="16"/>
      <c r="M88" s="13"/>
    </row>
    <row r="89" spans="1:13" s="24" customFormat="1" ht="22.5" customHeight="1" x14ac:dyDescent="0.15">
      <c r="A89" s="13"/>
      <c r="B89" s="13"/>
      <c r="C89" s="13"/>
      <c r="D89" s="13"/>
      <c r="E89" s="13"/>
      <c r="F89" s="13"/>
      <c r="G89" s="13"/>
      <c r="H89" s="13"/>
      <c r="I89" s="16"/>
      <c r="J89" s="16"/>
      <c r="K89" s="16"/>
      <c r="M89" s="13"/>
    </row>
    <row r="90" spans="1:13" s="24" customFormat="1" ht="22.5" customHeight="1" x14ac:dyDescent="0.15">
      <c r="A90" s="13"/>
      <c r="B90" s="13"/>
      <c r="C90" s="13"/>
      <c r="D90" s="13"/>
      <c r="E90" s="13"/>
      <c r="F90" s="13"/>
      <c r="G90" s="13"/>
      <c r="H90" s="13"/>
      <c r="I90" s="16"/>
      <c r="J90" s="16"/>
      <c r="K90" s="16"/>
      <c r="M90" s="13"/>
    </row>
    <row r="91" spans="1:13" s="24" customFormat="1" ht="22.5" customHeight="1" x14ac:dyDescent="0.15">
      <c r="A91" s="13"/>
      <c r="B91" s="13"/>
      <c r="C91" s="13"/>
      <c r="D91" s="13"/>
      <c r="E91" s="13"/>
      <c r="F91" s="13"/>
      <c r="G91" s="13"/>
      <c r="H91" s="13"/>
      <c r="I91" s="16"/>
      <c r="J91" s="16"/>
      <c r="K91" s="16"/>
      <c r="M91" s="13"/>
    </row>
    <row r="92" spans="1:13" s="24" customFormat="1" ht="22.5" customHeight="1" x14ac:dyDescent="0.15">
      <c r="A92" s="13"/>
      <c r="B92" s="13"/>
      <c r="C92" s="13"/>
      <c r="D92" s="13"/>
      <c r="E92" s="13"/>
      <c r="F92" s="13"/>
      <c r="G92" s="13"/>
      <c r="H92" s="13"/>
      <c r="I92" s="16"/>
      <c r="J92" s="16"/>
      <c r="K92" s="16"/>
      <c r="M92" s="13"/>
    </row>
    <row r="93" spans="1:13" s="24" customFormat="1" ht="22.5" customHeight="1" x14ac:dyDescent="0.15">
      <c r="I93" s="32"/>
      <c r="J93" s="32"/>
      <c r="K93" s="32"/>
      <c r="M93" s="13"/>
    </row>
    <row r="94" spans="1:13" s="24" customFormat="1" ht="22.5" customHeight="1" x14ac:dyDescent="0.15">
      <c r="I94" s="32"/>
      <c r="J94" s="32"/>
      <c r="K94" s="32"/>
      <c r="M94" s="13"/>
    </row>
    <row r="95" spans="1:13" s="24" customFormat="1" ht="22.5" customHeight="1" x14ac:dyDescent="0.15">
      <c r="I95" s="32"/>
      <c r="J95" s="32"/>
      <c r="K95" s="32"/>
      <c r="M95" s="13"/>
    </row>
    <row r="96" spans="1:13" s="24" customFormat="1" ht="22.5" customHeight="1" x14ac:dyDescent="0.15">
      <c r="I96" s="32"/>
      <c r="J96" s="32"/>
      <c r="K96" s="32"/>
      <c r="M96" s="13"/>
    </row>
    <row r="97" spans="9:13" s="24" customFormat="1" ht="22.5" customHeight="1" x14ac:dyDescent="0.15">
      <c r="I97" s="32"/>
      <c r="J97" s="32"/>
      <c r="K97" s="32"/>
      <c r="M97" s="13"/>
    </row>
    <row r="98" spans="9:13" s="24" customFormat="1" ht="22.5" customHeight="1" x14ac:dyDescent="0.15">
      <c r="I98" s="32"/>
      <c r="J98" s="32"/>
      <c r="K98" s="32"/>
      <c r="M98" s="13"/>
    </row>
    <row r="99" spans="9:13" s="24" customFormat="1" ht="22.5" customHeight="1" x14ac:dyDescent="0.15">
      <c r="I99" s="32"/>
      <c r="J99" s="32"/>
      <c r="K99" s="32"/>
      <c r="M99" s="13"/>
    </row>
    <row r="100" spans="9:13" s="24" customFormat="1" ht="22.5" customHeight="1" x14ac:dyDescent="0.15">
      <c r="I100" s="32"/>
      <c r="J100" s="32"/>
      <c r="K100" s="32"/>
      <c r="M100" s="13"/>
    </row>
    <row r="101" spans="9:13" s="24" customFormat="1" ht="22.5" customHeight="1" x14ac:dyDescent="0.15">
      <c r="I101" s="32"/>
      <c r="J101" s="32"/>
      <c r="K101" s="32"/>
      <c r="M101" s="13"/>
    </row>
    <row r="102" spans="9:13" s="24" customFormat="1" ht="22.5" customHeight="1" x14ac:dyDescent="0.15">
      <c r="I102" s="32"/>
      <c r="J102" s="32"/>
      <c r="K102" s="32"/>
      <c r="M102" s="13"/>
    </row>
    <row r="103" spans="9:13" s="24" customFormat="1" ht="22.5" customHeight="1" x14ac:dyDescent="0.15">
      <c r="I103" s="32"/>
      <c r="J103" s="32"/>
      <c r="K103" s="32"/>
      <c r="M103" s="13"/>
    </row>
    <row r="104" spans="9:13" s="24" customFormat="1" ht="22.5" customHeight="1" x14ac:dyDescent="0.15">
      <c r="I104" s="32"/>
      <c r="J104" s="32"/>
      <c r="K104" s="32"/>
      <c r="M104" s="13"/>
    </row>
    <row r="105" spans="9:13" s="24" customFormat="1" ht="22.5" customHeight="1" x14ac:dyDescent="0.15">
      <c r="I105" s="32"/>
      <c r="J105" s="32"/>
      <c r="K105" s="32"/>
      <c r="M105" s="13"/>
    </row>
    <row r="106" spans="9:13" s="24" customFormat="1" ht="22.5" customHeight="1" x14ac:dyDescent="0.15">
      <c r="I106" s="32"/>
      <c r="J106" s="32"/>
      <c r="K106" s="32"/>
      <c r="M106" s="13"/>
    </row>
    <row r="107" spans="9:13" s="24" customFormat="1" ht="22.5" customHeight="1" x14ac:dyDescent="0.15">
      <c r="I107" s="32"/>
      <c r="J107" s="32"/>
      <c r="K107" s="32"/>
      <c r="M107" s="13"/>
    </row>
    <row r="108" spans="9:13" s="24" customFormat="1" ht="22.5" customHeight="1" x14ac:dyDescent="0.15">
      <c r="I108" s="32"/>
      <c r="J108" s="32"/>
      <c r="K108" s="32"/>
      <c r="M108" s="13"/>
    </row>
    <row r="109" spans="9:13" s="24" customFormat="1" ht="22.5" customHeight="1" x14ac:dyDescent="0.15">
      <c r="I109" s="32"/>
      <c r="J109" s="32"/>
      <c r="K109" s="32"/>
      <c r="M109" s="13"/>
    </row>
    <row r="110" spans="9:13" s="24" customFormat="1" ht="22.5" customHeight="1" x14ac:dyDescent="0.15">
      <c r="I110" s="32"/>
      <c r="J110" s="32"/>
      <c r="K110" s="32"/>
      <c r="M110" s="13"/>
    </row>
    <row r="111" spans="9:13" s="24" customFormat="1" ht="22.5" customHeight="1" x14ac:dyDescent="0.15">
      <c r="I111" s="32"/>
      <c r="J111" s="32"/>
      <c r="K111" s="32"/>
      <c r="M111" s="13"/>
    </row>
    <row r="112" spans="9:13" s="24" customFormat="1" ht="22.5" customHeight="1" x14ac:dyDescent="0.15">
      <c r="I112" s="32"/>
      <c r="J112" s="32"/>
      <c r="K112" s="32"/>
      <c r="M112" s="13"/>
    </row>
    <row r="113" spans="9:13" s="24" customFormat="1" ht="22.5" customHeight="1" x14ac:dyDescent="0.15">
      <c r="I113" s="32"/>
      <c r="J113" s="32"/>
      <c r="K113" s="32"/>
      <c r="M113" s="13"/>
    </row>
    <row r="114" spans="9:13" s="24" customFormat="1" ht="22.5" customHeight="1" x14ac:dyDescent="0.15">
      <c r="I114" s="32"/>
      <c r="J114" s="32"/>
      <c r="K114" s="32"/>
      <c r="M114" s="13"/>
    </row>
    <row r="115" spans="9:13" s="24" customFormat="1" ht="22.5" customHeight="1" x14ac:dyDescent="0.15">
      <c r="I115" s="32"/>
      <c r="J115" s="32"/>
      <c r="K115" s="32"/>
      <c r="M115" s="13"/>
    </row>
    <row r="116" spans="9:13" s="24" customFormat="1" ht="22.5" customHeight="1" x14ac:dyDescent="0.15">
      <c r="I116" s="32"/>
      <c r="J116" s="32"/>
      <c r="K116" s="32"/>
      <c r="M116" s="13"/>
    </row>
    <row r="117" spans="9:13" s="24" customFormat="1" ht="22.5" customHeight="1" x14ac:dyDescent="0.15">
      <c r="I117" s="32"/>
      <c r="J117" s="32"/>
      <c r="K117" s="32"/>
      <c r="M117" s="13"/>
    </row>
    <row r="118" spans="9:13" s="24" customFormat="1" ht="22.5" customHeight="1" x14ac:dyDescent="0.15">
      <c r="I118" s="32"/>
      <c r="J118" s="32"/>
      <c r="K118" s="32"/>
      <c r="M118" s="13"/>
    </row>
    <row r="119" spans="9:13" s="24" customFormat="1" ht="22.5" customHeight="1" x14ac:dyDescent="0.15">
      <c r="I119" s="32"/>
      <c r="J119" s="32"/>
      <c r="K119" s="32"/>
      <c r="M119" s="13"/>
    </row>
    <row r="120" spans="9:13" s="24" customFormat="1" ht="22.5" customHeight="1" x14ac:dyDescent="0.15">
      <c r="I120" s="32"/>
      <c r="J120" s="32"/>
      <c r="K120" s="32"/>
      <c r="M120" s="13"/>
    </row>
    <row r="121" spans="9:13" s="24" customFormat="1" ht="22.5" customHeight="1" x14ac:dyDescent="0.15">
      <c r="I121" s="32"/>
      <c r="J121" s="32"/>
      <c r="K121" s="32"/>
      <c r="M121" s="13"/>
    </row>
    <row r="122" spans="9:13" s="24" customFormat="1" ht="22.5" customHeight="1" x14ac:dyDescent="0.15">
      <c r="I122" s="32"/>
      <c r="J122" s="32"/>
      <c r="K122" s="32"/>
      <c r="M122" s="13"/>
    </row>
    <row r="123" spans="9:13" s="24" customFormat="1" ht="22.5" customHeight="1" x14ac:dyDescent="0.15">
      <c r="I123" s="32"/>
      <c r="J123" s="32"/>
      <c r="K123" s="32"/>
      <c r="M123" s="13"/>
    </row>
    <row r="124" spans="9:13" s="24" customFormat="1" ht="22.5" customHeight="1" x14ac:dyDescent="0.15">
      <c r="I124" s="32"/>
      <c r="J124" s="32"/>
      <c r="K124" s="32"/>
      <c r="M124" s="13"/>
    </row>
    <row r="125" spans="9:13" s="24" customFormat="1" ht="22.5" customHeight="1" x14ac:dyDescent="0.15">
      <c r="I125" s="32"/>
      <c r="J125" s="32"/>
      <c r="K125" s="32"/>
      <c r="M125" s="13"/>
    </row>
    <row r="126" spans="9:13" s="24" customFormat="1" ht="22.5" customHeight="1" x14ac:dyDescent="0.15">
      <c r="I126" s="32"/>
      <c r="J126" s="32"/>
      <c r="K126" s="32"/>
      <c r="M126" s="13"/>
    </row>
    <row r="127" spans="9:13" s="24" customFormat="1" ht="22.5" customHeight="1" x14ac:dyDescent="0.15">
      <c r="I127" s="32"/>
      <c r="J127" s="32"/>
      <c r="K127" s="32"/>
      <c r="M127" s="13"/>
    </row>
    <row r="128" spans="9:13" s="24" customFormat="1" ht="22.5" customHeight="1" x14ac:dyDescent="0.15">
      <c r="I128" s="32"/>
      <c r="J128" s="32"/>
      <c r="K128" s="32"/>
      <c r="M128" s="13"/>
    </row>
    <row r="129" spans="9:13" s="24" customFormat="1" ht="22.5" customHeight="1" x14ac:dyDescent="0.15">
      <c r="I129" s="32"/>
      <c r="J129" s="32"/>
      <c r="K129" s="32"/>
      <c r="M129" s="13"/>
    </row>
    <row r="130" spans="9:13" s="24" customFormat="1" ht="22.5" customHeight="1" x14ac:dyDescent="0.15">
      <c r="I130" s="32"/>
      <c r="J130" s="32"/>
      <c r="K130" s="32"/>
      <c r="M130" s="13"/>
    </row>
    <row r="131" spans="9:13" s="24" customFormat="1" ht="22.5" customHeight="1" x14ac:dyDescent="0.15">
      <c r="I131" s="32"/>
      <c r="J131" s="32"/>
      <c r="K131" s="32"/>
      <c r="M131" s="13"/>
    </row>
    <row r="132" spans="9:13" s="24" customFormat="1" ht="22.5" customHeight="1" x14ac:dyDescent="0.15">
      <c r="I132" s="32"/>
      <c r="J132" s="32"/>
      <c r="K132" s="32"/>
      <c r="M132" s="13"/>
    </row>
    <row r="133" spans="9:13" s="24" customFormat="1" ht="22.5" customHeight="1" x14ac:dyDescent="0.15">
      <c r="I133" s="32"/>
      <c r="J133" s="32"/>
      <c r="K133" s="32"/>
      <c r="M133" s="13"/>
    </row>
    <row r="134" spans="9:13" s="24" customFormat="1" ht="22.5" customHeight="1" x14ac:dyDescent="0.15">
      <c r="I134" s="32"/>
      <c r="J134" s="32"/>
      <c r="K134" s="32"/>
      <c r="M134" s="13"/>
    </row>
    <row r="135" spans="9:13" s="24" customFormat="1" ht="22.5" customHeight="1" x14ac:dyDescent="0.15">
      <c r="I135" s="32"/>
      <c r="J135" s="32"/>
      <c r="K135" s="32"/>
      <c r="M135" s="13"/>
    </row>
    <row r="136" spans="9:13" s="24" customFormat="1" ht="22.5" customHeight="1" x14ac:dyDescent="0.15">
      <c r="I136" s="32"/>
      <c r="J136" s="32"/>
      <c r="K136" s="32"/>
      <c r="M136" s="13"/>
    </row>
    <row r="137" spans="9:13" s="24" customFormat="1" ht="22.5" customHeight="1" x14ac:dyDescent="0.15">
      <c r="I137" s="32"/>
      <c r="J137" s="32"/>
      <c r="K137" s="32"/>
      <c r="M137" s="13"/>
    </row>
    <row r="138" spans="9:13" s="24" customFormat="1" ht="22.5" customHeight="1" x14ac:dyDescent="0.15">
      <c r="I138" s="32"/>
      <c r="J138" s="32"/>
      <c r="K138" s="32"/>
      <c r="M138" s="13"/>
    </row>
    <row r="139" spans="9:13" s="24" customFormat="1" ht="22.5" customHeight="1" x14ac:dyDescent="0.15">
      <c r="I139" s="32"/>
      <c r="J139" s="32"/>
      <c r="K139" s="32"/>
      <c r="M139" s="13"/>
    </row>
    <row r="140" spans="9:13" s="24" customFormat="1" ht="22.5" customHeight="1" x14ac:dyDescent="0.15">
      <c r="I140" s="32"/>
      <c r="J140" s="32"/>
      <c r="K140" s="32"/>
      <c r="M140" s="13"/>
    </row>
    <row r="141" spans="9:13" s="24" customFormat="1" ht="22.5" customHeight="1" x14ac:dyDescent="0.15">
      <c r="I141" s="32"/>
      <c r="J141" s="32"/>
      <c r="K141" s="32"/>
      <c r="M141" s="13"/>
    </row>
    <row r="142" spans="9:13" s="24" customFormat="1" ht="22.5" customHeight="1" x14ac:dyDescent="0.15">
      <c r="I142" s="32"/>
      <c r="J142" s="32"/>
      <c r="K142" s="32"/>
      <c r="M142" s="13"/>
    </row>
    <row r="143" spans="9:13" s="24" customFormat="1" ht="22.5" customHeight="1" x14ac:dyDescent="0.15">
      <c r="I143" s="32"/>
      <c r="J143" s="32"/>
      <c r="K143" s="32"/>
      <c r="M143" s="13"/>
    </row>
    <row r="144" spans="9:13" s="24" customFormat="1" ht="22.5" customHeight="1" x14ac:dyDescent="0.15">
      <c r="I144" s="32"/>
      <c r="J144" s="32"/>
      <c r="K144" s="32"/>
      <c r="M144" s="13"/>
    </row>
    <row r="145" spans="9:13" s="24" customFormat="1" ht="22.5" customHeight="1" x14ac:dyDescent="0.15">
      <c r="I145" s="32"/>
      <c r="J145" s="32"/>
      <c r="K145" s="32"/>
      <c r="M145" s="13"/>
    </row>
    <row r="146" spans="9:13" s="24" customFormat="1" ht="22.5" customHeight="1" x14ac:dyDescent="0.15">
      <c r="I146" s="32"/>
      <c r="J146" s="32"/>
      <c r="K146" s="32"/>
      <c r="M146" s="13"/>
    </row>
    <row r="147" spans="9:13" s="24" customFormat="1" ht="22.5" customHeight="1" x14ac:dyDescent="0.15">
      <c r="I147" s="32"/>
      <c r="J147" s="32"/>
      <c r="K147" s="32"/>
      <c r="M147" s="13"/>
    </row>
    <row r="148" spans="9:13" s="24" customFormat="1" ht="22.5" customHeight="1" x14ac:dyDescent="0.15">
      <c r="I148" s="32"/>
      <c r="J148" s="32"/>
      <c r="K148" s="32"/>
      <c r="M148" s="13"/>
    </row>
    <row r="149" spans="9:13" s="24" customFormat="1" ht="22.5" customHeight="1" x14ac:dyDescent="0.15">
      <c r="I149" s="32"/>
      <c r="J149" s="32"/>
      <c r="K149" s="32"/>
      <c r="M149" s="13"/>
    </row>
    <row r="150" spans="9:13" s="24" customFormat="1" ht="22.5" customHeight="1" x14ac:dyDescent="0.15">
      <c r="I150" s="32"/>
      <c r="J150" s="32"/>
      <c r="K150" s="32"/>
      <c r="M150" s="13"/>
    </row>
    <row r="151" spans="9:13" s="24" customFormat="1" ht="22.5" customHeight="1" x14ac:dyDescent="0.15">
      <c r="I151" s="32"/>
      <c r="J151" s="32"/>
      <c r="K151" s="32"/>
      <c r="M151" s="13"/>
    </row>
    <row r="152" spans="9:13" s="24" customFormat="1" ht="22.5" customHeight="1" x14ac:dyDescent="0.15">
      <c r="I152" s="32"/>
      <c r="J152" s="32"/>
      <c r="K152" s="32"/>
      <c r="M152" s="13"/>
    </row>
    <row r="153" spans="9:13" s="24" customFormat="1" ht="22.5" customHeight="1" x14ac:dyDescent="0.15">
      <c r="I153" s="32"/>
      <c r="J153" s="32"/>
      <c r="K153" s="32"/>
      <c r="M153" s="13"/>
    </row>
    <row r="154" spans="9:13" s="24" customFormat="1" ht="22.5" customHeight="1" x14ac:dyDescent="0.15">
      <c r="I154" s="32"/>
      <c r="J154" s="32"/>
      <c r="K154" s="32"/>
      <c r="M154" s="13"/>
    </row>
    <row r="155" spans="9:13" s="24" customFormat="1" ht="22.5" customHeight="1" x14ac:dyDescent="0.15">
      <c r="I155" s="32"/>
      <c r="J155" s="32"/>
      <c r="K155" s="32"/>
      <c r="M155" s="13"/>
    </row>
    <row r="156" spans="9:13" s="24" customFormat="1" ht="22.5" customHeight="1" x14ac:dyDescent="0.15">
      <c r="I156" s="32"/>
      <c r="J156" s="32"/>
      <c r="K156" s="32"/>
      <c r="M156" s="13"/>
    </row>
    <row r="157" spans="9:13" s="24" customFormat="1" ht="22.5" customHeight="1" x14ac:dyDescent="0.15">
      <c r="I157" s="32"/>
      <c r="J157" s="32"/>
      <c r="K157" s="32"/>
      <c r="M157" s="13"/>
    </row>
    <row r="158" spans="9:13" s="24" customFormat="1" ht="22.5" customHeight="1" x14ac:dyDescent="0.15">
      <c r="I158" s="32"/>
      <c r="J158" s="32"/>
      <c r="K158" s="32"/>
      <c r="M158" s="13"/>
    </row>
    <row r="159" spans="9:13" s="24" customFormat="1" ht="22.5" customHeight="1" x14ac:dyDescent="0.15">
      <c r="I159" s="32"/>
      <c r="J159" s="32"/>
      <c r="K159" s="32"/>
      <c r="M159" s="13"/>
    </row>
    <row r="160" spans="9:13" s="24" customFormat="1" ht="22.5" customHeight="1" x14ac:dyDescent="0.15">
      <c r="I160" s="32"/>
      <c r="J160" s="32"/>
      <c r="K160" s="32"/>
      <c r="M160" s="13"/>
    </row>
    <row r="161" spans="9:13" s="24" customFormat="1" ht="22.5" customHeight="1" x14ac:dyDescent="0.15">
      <c r="I161" s="32"/>
      <c r="J161" s="32"/>
      <c r="K161" s="32"/>
      <c r="M161" s="13"/>
    </row>
    <row r="162" spans="9:13" s="24" customFormat="1" ht="22.5" customHeight="1" x14ac:dyDescent="0.15">
      <c r="I162" s="32"/>
      <c r="J162" s="32"/>
      <c r="K162" s="32"/>
      <c r="M162" s="13"/>
    </row>
    <row r="163" spans="9:13" s="24" customFormat="1" ht="22.5" customHeight="1" x14ac:dyDescent="0.15">
      <c r="I163" s="32"/>
      <c r="J163" s="32"/>
      <c r="K163" s="32"/>
      <c r="M163" s="13"/>
    </row>
    <row r="164" spans="9:13" s="24" customFormat="1" ht="22.5" customHeight="1" x14ac:dyDescent="0.15">
      <c r="I164" s="32"/>
      <c r="J164" s="32"/>
      <c r="K164" s="32"/>
      <c r="M164" s="13"/>
    </row>
    <row r="165" spans="9:13" s="24" customFormat="1" ht="22.5" customHeight="1" x14ac:dyDescent="0.15">
      <c r="I165" s="32"/>
      <c r="J165" s="32"/>
      <c r="K165" s="32"/>
      <c r="M165" s="13"/>
    </row>
    <row r="166" spans="9:13" s="24" customFormat="1" ht="22.5" customHeight="1" x14ac:dyDescent="0.15">
      <c r="I166" s="32"/>
      <c r="J166" s="32"/>
      <c r="K166" s="32"/>
      <c r="M166" s="13"/>
    </row>
    <row r="167" spans="9:13" s="24" customFormat="1" ht="22.5" customHeight="1" x14ac:dyDescent="0.15">
      <c r="I167" s="32"/>
      <c r="J167" s="32"/>
      <c r="K167" s="32"/>
      <c r="M167" s="13"/>
    </row>
    <row r="168" spans="9:13" s="24" customFormat="1" ht="22.5" customHeight="1" x14ac:dyDescent="0.15">
      <c r="I168" s="32"/>
      <c r="J168" s="32"/>
      <c r="K168" s="32"/>
      <c r="M168" s="13"/>
    </row>
    <row r="169" spans="9:13" s="24" customFormat="1" ht="22.5" customHeight="1" x14ac:dyDescent="0.15">
      <c r="I169" s="32"/>
      <c r="J169" s="32"/>
      <c r="K169" s="32"/>
      <c r="M169" s="13"/>
    </row>
    <row r="170" spans="9:13" s="24" customFormat="1" ht="22.5" customHeight="1" x14ac:dyDescent="0.15">
      <c r="I170" s="32"/>
      <c r="J170" s="32"/>
      <c r="K170" s="32"/>
      <c r="M170" s="13"/>
    </row>
    <row r="171" spans="9:13" s="24" customFormat="1" ht="22.5" customHeight="1" x14ac:dyDescent="0.15">
      <c r="I171" s="32"/>
      <c r="J171" s="32"/>
      <c r="K171" s="32"/>
      <c r="M171" s="13"/>
    </row>
    <row r="172" spans="9:13" s="24" customFormat="1" ht="22.5" customHeight="1" x14ac:dyDescent="0.15">
      <c r="I172" s="32"/>
      <c r="J172" s="32"/>
      <c r="K172" s="32"/>
      <c r="M172" s="13"/>
    </row>
    <row r="173" spans="9:13" s="24" customFormat="1" ht="22.5" customHeight="1" x14ac:dyDescent="0.15">
      <c r="I173" s="32"/>
      <c r="J173" s="32"/>
      <c r="K173" s="32"/>
      <c r="M173" s="13"/>
    </row>
    <row r="174" spans="9:13" s="24" customFormat="1" ht="22.5" customHeight="1" x14ac:dyDescent="0.15">
      <c r="I174" s="32"/>
      <c r="J174" s="32"/>
      <c r="K174" s="32"/>
      <c r="M174" s="13"/>
    </row>
    <row r="175" spans="9:13" s="24" customFormat="1" ht="22.5" customHeight="1" x14ac:dyDescent="0.15">
      <c r="I175" s="32"/>
      <c r="J175" s="32"/>
      <c r="K175" s="32"/>
      <c r="M175" s="13"/>
    </row>
    <row r="176" spans="9:13" s="24" customFormat="1" ht="22.5" customHeight="1" x14ac:dyDescent="0.15">
      <c r="I176" s="32"/>
      <c r="J176" s="32"/>
      <c r="K176" s="32"/>
      <c r="M176" s="13"/>
    </row>
    <row r="177" spans="9:13" s="24" customFormat="1" ht="22.5" customHeight="1" x14ac:dyDescent="0.15">
      <c r="I177" s="32"/>
      <c r="J177" s="32"/>
      <c r="K177" s="32"/>
      <c r="M177" s="13"/>
    </row>
    <row r="178" spans="9:13" s="24" customFormat="1" ht="22.5" customHeight="1" x14ac:dyDescent="0.15">
      <c r="I178" s="32"/>
      <c r="J178" s="32"/>
      <c r="K178" s="32"/>
      <c r="M178" s="13"/>
    </row>
    <row r="179" spans="9:13" s="24" customFormat="1" ht="22.5" customHeight="1" x14ac:dyDescent="0.15">
      <c r="I179" s="32"/>
      <c r="J179" s="32"/>
      <c r="K179" s="32"/>
      <c r="M179" s="13"/>
    </row>
    <row r="180" spans="9:13" s="24" customFormat="1" ht="22.5" customHeight="1" x14ac:dyDescent="0.15">
      <c r="I180" s="32"/>
      <c r="J180" s="32"/>
      <c r="K180" s="32"/>
      <c r="M180" s="13"/>
    </row>
    <row r="181" spans="9:13" s="24" customFormat="1" ht="22.5" customHeight="1" x14ac:dyDescent="0.15">
      <c r="I181" s="32"/>
      <c r="J181" s="32"/>
      <c r="K181" s="32"/>
      <c r="M181" s="13"/>
    </row>
    <row r="182" spans="9:13" s="24" customFormat="1" ht="22.5" customHeight="1" x14ac:dyDescent="0.15">
      <c r="I182" s="32"/>
      <c r="J182" s="32"/>
      <c r="K182" s="32"/>
      <c r="M182" s="13"/>
    </row>
    <row r="183" spans="9:13" s="24" customFormat="1" ht="22.5" customHeight="1" x14ac:dyDescent="0.15">
      <c r="I183" s="32"/>
      <c r="J183" s="32"/>
      <c r="K183" s="32"/>
      <c r="M183" s="13"/>
    </row>
    <row r="184" spans="9:13" s="24" customFormat="1" ht="22.5" customHeight="1" x14ac:dyDescent="0.15">
      <c r="I184" s="32"/>
      <c r="J184" s="32"/>
      <c r="K184" s="32"/>
      <c r="M184" s="13"/>
    </row>
  </sheetData>
  <sheetProtection selectLockedCells="1" selectUnlockedCells="1"/>
  <mergeCells count="3">
    <mergeCell ref="A8:C8"/>
    <mergeCell ref="B5:J5"/>
    <mergeCell ref="B6:J6"/>
  </mergeCells>
  <phoneticPr fontId="24"/>
  <printOptions horizontalCentered="1"/>
  <pageMargins left="0.19685039370078741" right="0.19685039370078741" top="0.31496062992125984" bottom="0.19685039370078741" header="0.11811023622047245" footer="0.11811023622047245"/>
  <pageSetup paperSize="9" scale="58" firstPageNumber="113" orientation="portrait" blackAndWhite="1" useFirstPageNumber="1" r:id="rId1"/>
  <headerFooter>
    <oddFooter>&amp;C&amp;"ＭＳ Ｐ明朝,標準"&amp;20&amp;P</oddFooter>
  </headerFooter>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60"/>
  <sheetViews>
    <sheetView showGridLines="0" view="pageBreakPreview" zoomScaleNormal="70" zoomScaleSheetLayoutView="100" workbookViewId="0">
      <selection sqref="A1:E1"/>
    </sheetView>
  </sheetViews>
  <sheetFormatPr defaultColWidth="8.875" defaultRowHeight="22.5" customHeight="1" x14ac:dyDescent="0.15"/>
  <cols>
    <col min="1" max="1" width="8.625" style="39" customWidth="1"/>
    <col min="2" max="2" width="8.625" style="38" customWidth="1"/>
    <col min="3" max="8" width="3.5" style="38" customWidth="1"/>
    <col min="9" max="9" width="8.75" style="38" customWidth="1"/>
    <col min="10" max="12" width="34.625" style="38" customWidth="1"/>
    <col min="13" max="14" width="8.625" style="38" customWidth="1"/>
    <col min="15" max="15" width="8.875" style="2"/>
    <col min="16"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x14ac:dyDescent="0.15">
      <c r="A1" s="275" t="s">
        <v>534</v>
      </c>
      <c r="B1" s="275"/>
      <c r="C1" s="275"/>
      <c r="D1" s="275"/>
      <c r="E1" s="275"/>
      <c r="F1" s="160"/>
      <c r="G1" s="160"/>
      <c r="H1" s="160"/>
      <c r="I1" s="160"/>
      <c r="J1" s="160"/>
      <c r="K1" s="160"/>
      <c r="L1" s="160"/>
    </row>
    <row r="2" spans="1:14" s="2" customFormat="1" ht="22.5" customHeight="1" x14ac:dyDescent="0.15">
      <c r="A2" s="39"/>
      <c r="B2" s="158"/>
      <c r="D2" s="39"/>
      <c r="E2" s="39"/>
      <c r="F2" s="39"/>
      <c r="G2" s="39"/>
      <c r="H2" s="39"/>
      <c r="I2" s="39"/>
      <c r="J2" s="39"/>
      <c r="K2" s="39"/>
      <c r="L2" s="39"/>
      <c r="M2" s="39"/>
      <c r="N2" s="39"/>
    </row>
    <row r="3" spans="1:14" ht="22.5" customHeight="1" x14ac:dyDescent="0.15">
      <c r="B3" s="39"/>
      <c r="C3" s="39"/>
      <c r="D3" s="39"/>
      <c r="E3" s="39"/>
      <c r="F3" s="39"/>
      <c r="G3" s="39"/>
      <c r="H3" s="39"/>
      <c r="I3" s="39"/>
      <c r="J3" s="39"/>
      <c r="K3" s="39"/>
      <c r="L3" s="39"/>
      <c r="M3" s="39"/>
      <c r="N3" s="39"/>
    </row>
    <row r="4" spans="1:14" ht="22.5" customHeight="1" x14ac:dyDescent="0.15">
      <c r="B4" s="39"/>
      <c r="C4" s="40"/>
      <c r="D4" s="41"/>
      <c r="E4" s="41"/>
      <c r="F4" s="41"/>
      <c r="G4" s="41"/>
      <c r="H4" s="41"/>
      <c r="I4" s="41"/>
      <c r="J4" s="41"/>
      <c r="K4" s="41"/>
      <c r="L4" s="41"/>
      <c r="M4" s="39"/>
      <c r="N4" s="39"/>
    </row>
    <row r="5" spans="1:14" ht="28.5" x14ac:dyDescent="0.15">
      <c r="C5" s="276" t="s">
        <v>355</v>
      </c>
      <c r="D5" s="276"/>
      <c r="E5" s="276"/>
      <c r="F5" s="276"/>
      <c r="G5" s="276"/>
      <c r="H5" s="276"/>
      <c r="I5" s="276"/>
      <c r="J5" s="276"/>
      <c r="K5" s="276"/>
      <c r="L5" s="276"/>
      <c r="M5" s="193"/>
      <c r="N5" s="39"/>
    </row>
    <row r="6" spans="1:14" ht="22.5" customHeight="1" x14ac:dyDescent="0.15">
      <c r="C6" s="273" t="s">
        <v>413</v>
      </c>
      <c r="D6" s="273"/>
      <c r="E6" s="273"/>
      <c r="F6" s="273"/>
      <c r="G6" s="273"/>
      <c r="H6" s="273"/>
      <c r="I6" s="273"/>
      <c r="J6" s="273"/>
      <c r="K6" s="273"/>
      <c r="L6" s="273"/>
      <c r="M6" s="193"/>
      <c r="N6" s="39"/>
    </row>
    <row r="7" spans="1:14" ht="18.75" customHeight="1" x14ac:dyDescent="0.15">
      <c r="A7" s="13"/>
      <c r="B7" s="13"/>
      <c r="C7" s="13"/>
      <c r="D7" s="13"/>
      <c r="E7" s="13"/>
      <c r="F7" s="13"/>
      <c r="G7" s="13"/>
      <c r="H7" s="13"/>
      <c r="I7" s="13"/>
      <c r="J7" s="13"/>
      <c r="K7" s="13"/>
      <c r="L7" s="13"/>
      <c r="M7" s="13"/>
      <c r="N7" s="13"/>
    </row>
    <row r="8" spans="1:14" ht="22.5" customHeight="1" x14ac:dyDescent="0.15">
      <c r="A8" s="13"/>
      <c r="B8" s="13"/>
      <c r="C8" s="270"/>
      <c r="D8" s="270"/>
      <c r="E8" s="270"/>
      <c r="F8" s="13"/>
      <c r="G8" s="42"/>
      <c r="H8" s="13"/>
      <c r="I8" s="13"/>
      <c r="J8" s="13"/>
      <c r="K8" s="13"/>
      <c r="L8" s="6" t="s">
        <v>202</v>
      </c>
      <c r="M8" s="13"/>
      <c r="N8" s="13"/>
    </row>
    <row r="9" spans="1:14" ht="50.1" customHeight="1" x14ac:dyDescent="0.15">
      <c r="A9" s="13"/>
      <c r="B9" s="13"/>
      <c r="C9" s="274" t="s">
        <v>1</v>
      </c>
      <c r="D9" s="274"/>
      <c r="E9" s="274"/>
      <c r="F9" s="274"/>
      <c r="G9" s="274"/>
      <c r="H9" s="274"/>
      <c r="I9" s="274"/>
      <c r="J9" s="43" t="s">
        <v>327</v>
      </c>
      <c r="K9" s="43" t="s">
        <v>328</v>
      </c>
      <c r="L9" s="43" t="s">
        <v>329</v>
      </c>
      <c r="M9" s="13"/>
      <c r="N9" s="13"/>
    </row>
    <row r="10" spans="1:14" ht="50.1" customHeight="1" x14ac:dyDescent="0.15">
      <c r="A10" s="13"/>
      <c r="B10" s="13"/>
      <c r="C10" s="274" t="s">
        <v>324</v>
      </c>
      <c r="D10" s="274"/>
      <c r="E10" s="274"/>
      <c r="F10" s="274"/>
      <c r="G10" s="274"/>
      <c r="H10" s="274"/>
      <c r="I10" s="274"/>
      <c r="J10" s="44">
        <v>-37595632</v>
      </c>
      <c r="K10" s="44">
        <v>0</v>
      </c>
      <c r="L10" s="44">
        <v>-37595632</v>
      </c>
      <c r="M10" s="13"/>
      <c r="N10" s="13"/>
    </row>
    <row r="11" spans="1:14" ht="50.1" customHeight="1" x14ac:dyDescent="0.15">
      <c r="A11" s="13"/>
      <c r="B11" s="13"/>
      <c r="C11" s="274" t="s">
        <v>325</v>
      </c>
      <c r="D11" s="274"/>
      <c r="E11" s="274"/>
      <c r="F11" s="274"/>
      <c r="G11" s="274"/>
      <c r="H11" s="274"/>
      <c r="I11" s="274"/>
      <c r="J11" s="44">
        <v>-9300674</v>
      </c>
      <c r="K11" s="44">
        <v>0</v>
      </c>
      <c r="L11" s="44">
        <v>-9300674</v>
      </c>
      <c r="M11" s="13"/>
      <c r="N11" s="13"/>
    </row>
    <row r="12" spans="1:14" ht="50.1" customHeight="1" x14ac:dyDescent="0.15">
      <c r="A12" s="13"/>
      <c r="B12" s="13"/>
      <c r="C12" s="274" t="s">
        <v>326</v>
      </c>
      <c r="D12" s="274"/>
      <c r="E12" s="274"/>
      <c r="F12" s="274"/>
      <c r="G12" s="274"/>
      <c r="H12" s="274"/>
      <c r="I12" s="274"/>
      <c r="J12" s="44">
        <v>-46896306</v>
      </c>
      <c r="K12" s="44">
        <v>0</v>
      </c>
      <c r="L12" s="44">
        <v>-46896306</v>
      </c>
      <c r="M12" s="13"/>
      <c r="N12" s="13"/>
    </row>
    <row r="13" spans="1:14" ht="22.5" customHeight="1" x14ac:dyDescent="0.15">
      <c r="A13" s="13"/>
      <c r="B13" s="13"/>
      <c r="C13" s="13"/>
      <c r="D13" s="13"/>
      <c r="E13" s="13"/>
      <c r="F13" s="13"/>
      <c r="G13" s="13"/>
      <c r="H13" s="13"/>
      <c r="I13" s="13"/>
      <c r="J13" s="13"/>
      <c r="K13" s="13"/>
      <c r="L13" s="13"/>
      <c r="M13" s="13"/>
      <c r="N13" s="13"/>
    </row>
    <row r="14" spans="1:14" ht="22.5" customHeight="1" x14ac:dyDescent="0.15">
      <c r="A14" s="13"/>
      <c r="B14" s="13"/>
      <c r="C14" s="13"/>
      <c r="D14" s="13"/>
      <c r="E14" s="13"/>
      <c r="F14" s="13"/>
      <c r="G14" s="13"/>
      <c r="H14" s="13"/>
      <c r="I14" s="13"/>
      <c r="J14" s="13"/>
      <c r="K14" s="13"/>
      <c r="L14" s="13"/>
      <c r="M14" s="13"/>
      <c r="N14" s="13"/>
    </row>
    <row r="15" spans="1:14" ht="22.5" customHeight="1" x14ac:dyDescent="0.15">
      <c r="A15" s="13"/>
      <c r="B15" s="13"/>
      <c r="C15" s="13"/>
      <c r="D15" s="13"/>
      <c r="E15" s="13"/>
      <c r="F15" s="13"/>
      <c r="G15" s="13"/>
      <c r="H15" s="13"/>
      <c r="I15" s="13"/>
      <c r="J15" s="13"/>
      <c r="K15" s="13"/>
      <c r="L15" s="13"/>
      <c r="M15" s="13"/>
      <c r="N15" s="13"/>
    </row>
    <row r="16" spans="1:14" ht="22.5" customHeight="1" x14ac:dyDescent="0.15">
      <c r="A16" s="13"/>
      <c r="B16" s="13"/>
      <c r="C16" s="13"/>
      <c r="D16" s="13"/>
      <c r="E16" s="13"/>
      <c r="F16" s="13"/>
      <c r="G16" s="13"/>
      <c r="H16" s="13"/>
      <c r="I16" s="13"/>
      <c r="J16" s="13"/>
      <c r="K16" s="13"/>
      <c r="L16" s="13"/>
      <c r="M16" s="13"/>
      <c r="N16" s="13"/>
    </row>
    <row r="17" spans="1:14" ht="22.5" customHeight="1" x14ac:dyDescent="0.15">
      <c r="A17" s="13"/>
      <c r="B17" s="13"/>
      <c r="C17" s="13"/>
      <c r="D17" s="13"/>
      <c r="E17" s="13"/>
      <c r="F17" s="13"/>
      <c r="G17" s="13"/>
      <c r="H17" s="13"/>
      <c r="I17" s="13"/>
      <c r="J17" s="13"/>
      <c r="K17" s="13"/>
      <c r="L17" s="13"/>
      <c r="M17" s="13"/>
      <c r="N17" s="13"/>
    </row>
    <row r="18" spans="1:14" ht="22.5" customHeight="1" x14ac:dyDescent="0.15">
      <c r="A18" s="13"/>
      <c r="B18" s="13"/>
      <c r="C18" s="13"/>
      <c r="D18" s="13"/>
      <c r="E18" s="13"/>
      <c r="F18" s="13"/>
      <c r="G18" s="13"/>
      <c r="H18" s="13"/>
      <c r="I18" s="13"/>
      <c r="J18" s="13"/>
      <c r="K18" s="13"/>
      <c r="L18" s="13"/>
      <c r="M18" s="13"/>
      <c r="N18" s="13"/>
    </row>
    <row r="19" spans="1:14" ht="22.5" customHeight="1" x14ac:dyDescent="0.15">
      <c r="B19" s="39"/>
      <c r="C19" s="39"/>
      <c r="D19" s="39"/>
      <c r="E19" s="39"/>
      <c r="F19" s="39"/>
      <c r="G19" s="39"/>
      <c r="H19" s="39"/>
      <c r="I19" s="39"/>
      <c r="J19" s="39"/>
      <c r="K19" s="39"/>
      <c r="L19" s="39"/>
      <c r="M19" s="39"/>
      <c r="N19" s="39"/>
    </row>
    <row r="20" spans="1:14" ht="22.5" customHeight="1" x14ac:dyDescent="0.15">
      <c r="B20" s="39"/>
      <c r="C20" s="39"/>
      <c r="D20" s="39"/>
      <c r="E20" s="39"/>
      <c r="F20" s="39"/>
      <c r="G20" s="39"/>
      <c r="H20" s="39"/>
      <c r="I20" s="39"/>
      <c r="J20" s="39"/>
      <c r="K20" s="39"/>
      <c r="L20" s="39"/>
      <c r="M20" s="39"/>
      <c r="N20" s="39"/>
    </row>
    <row r="21" spans="1:14" ht="22.5" customHeight="1" x14ac:dyDescent="0.15">
      <c r="B21" s="39"/>
      <c r="C21" s="248"/>
      <c r="D21" s="248"/>
      <c r="E21" s="248"/>
      <c r="F21" s="248"/>
      <c r="G21" s="39"/>
      <c r="H21" s="39"/>
      <c r="I21" s="39"/>
      <c r="J21" s="39"/>
      <c r="K21" s="39"/>
      <c r="L21" s="39"/>
      <c r="M21" s="39"/>
      <c r="N21" s="39"/>
    </row>
    <row r="22" spans="1:14" ht="22.5" customHeight="1" x14ac:dyDescent="0.15">
      <c r="B22" s="39"/>
      <c r="C22" s="248"/>
      <c r="D22" s="248"/>
      <c r="E22" s="248"/>
      <c r="F22" s="248"/>
      <c r="G22" s="39"/>
      <c r="H22" s="39"/>
      <c r="I22" s="39"/>
      <c r="J22" s="39"/>
      <c r="K22" s="39"/>
      <c r="L22" s="39"/>
      <c r="M22" s="39"/>
      <c r="N22" s="39"/>
    </row>
    <row r="23" spans="1:14" ht="22.5" customHeight="1" x14ac:dyDescent="0.15">
      <c r="B23" s="39"/>
      <c r="C23" s="248"/>
      <c r="D23" s="248"/>
      <c r="E23" s="248"/>
      <c r="F23" s="248"/>
      <c r="G23" s="39"/>
      <c r="H23" s="39"/>
      <c r="I23" s="39"/>
      <c r="J23" s="39"/>
      <c r="K23" s="39"/>
      <c r="L23" s="39"/>
      <c r="M23" s="39"/>
      <c r="N23" s="39"/>
    </row>
    <row r="24" spans="1:14" ht="22.5" customHeight="1" x14ac:dyDescent="0.15">
      <c r="B24" s="39"/>
      <c r="C24" s="248"/>
      <c r="D24" s="248"/>
      <c r="E24" s="248"/>
      <c r="F24" s="248"/>
      <c r="G24" s="39"/>
      <c r="H24" s="39"/>
      <c r="I24" s="39"/>
      <c r="J24" s="39"/>
      <c r="K24" s="39"/>
      <c r="L24" s="39"/>
      <c r="M24" s="39"/>
      <c r="N24" s="39"/>
    </row>
    <row r="25" spans="1:14" ht="22.5" customHeight="1" x14ac:dyDescent="0.15">
      <c r="B25" s="39"/>
      <c r="C25" s="39"/>
      <c r="D25" s="39"/>
      <c r="E25" s="39"/>
      <c r="F25" s="39"/>
      <c r="G25" s="39"/>
      <c r="H25" s="39"/>
      <c r="I25" s="39"/>
      <c r="J25" s="39"/>
      <c r="K25" s="39"/>
      <c r="L25" s="39"/>
      <c r="M25" s="39"/>
      <c r="N25" s="39"/>
    </row>
    <row r="26" spans="1:14" ht="22.5" customHeight="1" x14ac:dyDescent="0.15">
      <c r="B26" s="39"/>
      <c r="C26" s="39"/>
      <c r="D26" s="39"/>
      <c r="E26" s="39"/>
      <c r="F26" s="39"/>
      <c r="G26" s="39"/>
      <c r="H26" s="39"/>
      <c r="I26" s="39"/>
      <c r="J26" s="39"/>
      <c r="K26" s="39"/>
      <c r="L26" s="39"/>
      <c r="M26" s="39"/>
      <c r="N26" s="39"/>
    </row>
    <row r="27" spans="1:14" ht="22.5" customHeight="1" x14ac:dyDescent="0.15">
      <c r="B27" s="39"/>
      <c r="C27" s="39"/>
      <c r="D27" s="39"/>
      <c r="E27" s="39"/>
      <c r="F27" s="39"/>
      <c r="G27" s="39"/>
      <c r="H27" s="39"/>
      <c r="I27" s="39"/>
      <c r="J27" s="39"/>
      <c r="K27" s="39"/>
      <c r="L27" s="39"/>
      <c r="M27" s="39"/>
      <c r="N27" s="39"/>
    </row>
    <row r="28" spans="1:14" ht="22.5" customHeight="1" x14ac:dyDescent="0.15">
      <c r="B28" s="39"/>
      <c r="C28" s="39"/>
      <c r="D28" s="39"/>
      <c r="E28" s="39"/>
      <c r="F28" s="39"/>
      <c r="G28" s="39"/>
      <c r="H28" s="39"/>
      <c r="I28" s="39"/>
      <c r="J28" s="39"/>
      <c r="K28" s="39"/>
      <c r="L28" s="39"/>
      <c r="M28" s="39"/>
      <c r="N28" s="39"/>
    </row>
    <row r="29" spans="1:14" ht="22.5" customHeight="1" x14ac:dyDescent="0.15">
      <c r="B29" s="39"/>
      <c r="C29" s="39"/>
      <c r="D29" s="39"/>
      <c r="E29" s="39"/>
      <c r="F29" s="39"/>
      <c r="G29" s="39"/>
      <c r="H29" s="39"/>
      <c r="I29" s="39"/>
      <c r="J29" s="39"/>
      <c r="K29" s="39"/>
      <c r="L29" s="39"/>
      <c r="M29" s="39"/>
      <c r="N29" s="39"/>
    </row>
    <row r="30" spans="1:14" ht="22.5" customHeight="1" x14ac:dyDescent="0.15">
      <c r="B30" s="39"/>
      <c r="C30" s="39"/>
      <c r="D30" s="39"/>
      <c r="E30" s="39"/>
      <c r="F30" s="39"/>
      <c r="G30" s="39"/>
      <c r="H30" s="39"/>
      <c r="I30" s="39"/>
      <c r="J30" s="39"/>
      <c r="K30" s="39"/>
      <c r="L30" s="39"/>
      <c r="M30" s="39"/>
      <c r="N30" s="39"/>
    </row>
    <row r="31" spans="1:14" ht="22.5" customHeight="1" x14ac:dyDescent="0.15">
      <c r="B31" s="39"/>
      <c r="C31" s="39"/>
      <c r="D31" s="39"/>
      <c r="E31" s="39"/>
      <c r="F31" s="39"/>
      <c r="G31" s="39"/>
      <c r="H31" s="39"/>
      <c r="I31" s="39"/>
      <c r="J31" s="39"/>
      <c r="K31" s="39"/>
      <c r="L31" s="39"/>
      <c r="M31" s="39"/>
      <c r="N31" s="39"/>
    </row>
    <row r="32" spans="1:14" ht="22.5" customHeight="1" x14ac:dyDescent="0.15">
      <c r="B32" s="39"/>
      <c r="C32" s="39"/>
      <c r="D32" s="39"/>
      <c r="E32" s="39"/>
      <c r="F32" s="39"/>
      <c r="G32" s="39"/>
      <c r="H32" s="39"/>
      <c r="I32" s="39"/>
      <c r="J32" s="39"/>
      <c r="K32" s="39"/>
      <c r="L32" s="39"/>
      <c r="M32" s="39"/>
      <c r="N32" s="39"/>
    </row>
    <row r="33" spans="2:14" ht="22.5" customHeight="1" x14ac:dyDescent="0.15">
      <c r="B33" s="39"/>
      <c r="C33" s="39"/>
      <c r="D33" s="39"/>
      <c r="E33" s="39"/>
      <c r="F33" s="39"/>
      <c r="G33" s="39"/>
      <c r="H33" s="39"/>
      <c r="I33" s="39"/>
      <c r="J33" s="39"/>
      <c r="K33" s="39"/>
      <c r="L33" s="39"/>
      <c r="M33" s="39"/>
      <c r="N33" s="39"/>
    </row>
    <row r="34" spans="2:14" ht="22.5" customHeight="1" x14ac:dyDescent="0.15">
      <c r="B34" s="39"/>
      <c r="C34" s="39"/>
      <c r="D34" s="39"/>
      <c r="E34" s="39"/>
      <c r="F34" s="39"/>
      <c r="G34" s="39"/>
      <c r="H34" s="39"/>
      <c r="I34" s="39"/>
      <c r="J34" s="39"/>
      <c r="K34" s="39"/>
      <c r="L34" s="39"/>
      <c r="M34" s="39"/>
      <c r="N34" s="39"/>
    </row>
    <row r="35" spans="2:14" ht="22.5" customHeight="1" x14ac:dyDescent="0.15">
      <c r="B35" s="39"/>
      <c r="C35" s="39"/>
      <c r="D35" s="39"/>
      <c r="E35" s="39"/>
      <c r="F35" s="39"/>
      <c r="G35" s="39"/>
      <c r="H35" s="39"/>
      <c r="I35" s="39"/>
      <c r="J35" s="39"/>
      <c r="K35" s="39"/>
      <c r="L35" s="39"/>
      <c r="M35" s="39"/>
      <c r="N35" s="39"/>
    </row>
    <row r="36" spans="2:14" ht="22.5" customHeight="1" x14ac:dyDescent="0.15">
      <c r="B36" s="39"/>
      <c r="C36" s="39"/>
      <c r="D36" s="39"/>
      <c r="E36" s="39"/>
      <c r="F36" s="39"/>
      <c r="G36" s="39"/>
      <c r="H36" s="39"/>
      <c r="I36" s="39"/>
      <c r="J36" s="39"/>
      <c r="K36" s="39"/>
      <c r="L36" s="39"/>
      <c r="M36" s="39"/>
      <c r="N36" s="39"/>
    </row>
    <row r="37" spans="2:14" ht="22.5" customHeight="1" x14ac:dyDescent="0.15">
      <c r="B37" s="39"/>
      <c r="C37" s="39"/>
      <c r="D37" s="39"/>
      <c r="E37" s="39"/>
      <c r="F37" s="39"/>
      <c r="G37" s="39"/>
      <c r="H37" s="39"/>
      <c r="I37" s="39"/>
      <c r="J37" s="39"/>
      <c r="K37" s="39"/>
      <c r="L37" s="39"/>
      <c r="M37" s="39"/>
      <c r="N37" s="39"/>
    </row>
    <row r="38" spans="2:14" ht="22.5" customHeight="1" x14ac:dyDescent="0.15">
      <c r="B38" s="39"/>
      <c r="C38" s="39"/>
      <c r="D38" s="39"/>
      <c r="E38" s="39"/>
      <c r="F38" s="39"/>
      <c r="G38" s="39"/>
      <c r="H38" s="39"/>
      <c r="I38" s="39"/>
      <c r="J38" s="39"/>
      <c r="K38" s="39"/>
      <c r="L38" s="39"/>
      <c r="M38" s="39"/>
      <c r="N38" s="39"/>
    </row>
    <row r="39" spans="2:14" ht="22.5" customHeight="1" x14ac:dyDescent="0.15">
      <c r="B39" s="39"/>
      <c r="C39" s="39"/>
      <c r="D39" s="39"/>
      <c r="E39" s="39"/>
      <c r="F39" s="39"/>
      <c r="G39" s="39"/>
      <c r="H39" s="39"/>
      <c r="I39" s="39"/>
      <c r="J39" s="39"/>
      <c r="K39" s="39"/>
      <c r="L39" s="39"/>
      <c r="M39" s="39"/>
      <c r="N39" s="39"/>
    </row>
    <row r="40" spans="2:14" ht="22.5" customHeight="1" x14ac:dyDescent="0.15">
      <c r="B40" s="39"/>
      <c r="C40" s="39"/>
      <c r="D40" s="39"/>
      <c r="E40" s="39"/>
      <c r="F40" s="39"/>
      <c r="G40" s="39"/>
      <c r="H40" s="39"/>
      <c r="I40" s="39"/>
      <c r="J40" s="39"/>
      <c r="K40" s="39"/>
      <c r="L40" s="39"/>
      <c r="M40" s="39"/>
      <c r="N40" s="39"/>
    </row>
    <row r="41" spans="2:14" ht="22.5" customHeight="1" x14ac:dyDescent="0.15">
      <c r="B41" s="39"/>
      <c r="C41" s="39"/>
      <c r="D41" s="39"/>
      <c r="E41" s="39"/>
      <c r="F41" s="39"/>
      <c r="G41" s="39"/>
      <c r="H41" s="39"/>
      <c r="I41" s="39"/>
      <c r="J41" s="39"/>
      <c r="K41" s="39"/>
      <c r="L41" s="39"/>
      <c r="M41" s="39"/>
      <c r="N41" s="39"/>
    </row>
    <row r="42" spans="2:14" ht="22.5" customHeight="1" x14ac:dyDescent="0.15">
      <c r="B42" s="39"/>
      <c r="C42" s="39"/>
      <c r="D42" s="39"/>
      <c r="E42" s="39"/>
      <c r="F42" s="39"/>
      <c r="G42" s="39"/>
      <c r="H42" s="39"/>
      <c r="I42" s="39"/>
      <c r="J42" s="39"/>
      <c r="K42" s="39"/>
      <c r="L42" s="39"/>
      <c r="M42" s="39"/>
      <c r="N42" s="39"/>
    </row>
    <row r="43" spans="2:14" ht="22.5" customHeight="1" x14ac:dyDescent="0.15">
      <c r="B43" s="39"/>
      <c r="C43" s="39"/>
      <c r="D43" s="39"/>
      <c r="E43" s="39"/>
      <c r="F43" s="39"/>
      <c r="G43" s="39"/>
      <c r="H43" s="39"/>
      <c r="I43" s="39"/>
      <c r="J43" s="39"/>
      <c r="K43" s="39"/>
      <c r="L43" s="39"/>
      <c r="M43" s="39"/>
      <c r="N43" s="39"/>
    </row>
    <row r="44" spans="2:14" ht="22.5" customHeight="1" x14ac:dyDescent="0.15">
      <c r="B44" s="39"/>
      <c r="C44" s="39"/>
      <c r="D44" s="39"/>
      <c r="E44" s="39"/>
      <c r="F44" s="39"/>
      <c r="G44" s="39"/>
      <c r="H44" s="39"/>
      <c r="I44" s="39"/>
      <c r="J44" s="39"/>
      <c r="K44" s="39"/>
      <c r="L44" s="39"/>
      <c r="M44" s="39"/>
      <c r="N44" s="39"/>
    </row>
    <row r="45" spans="2:14" ht="22.5" customHeight="1" x14ac:dyDescent="0.15">
      <c r="B45" s="39"/>
      <c r="C45" s="39"/>
      <c r="D45" s="39"/>
      <c r="E45" s="39"/>
      <c r="F45" s="39"/>
      <c r="G45" s="39"/>
      <c r="H45" s="39"/>
      <c r="I45" s="39"/>
      <c r="J45" s="39"/>
      <c r="K45" s="39"/>
      <c r="L45" s="39"/>
      <c r="M45" s="39"/>
      <c r="N45" s="39"/>
    </row>
    <row r="46" spans="2:14" ht="22.5" customHeight="1" x14ac:dyDescent="0.15">
      <c r="B46" s="39"/>
      <c r="C46" s="39"/>
      <c r="D46" s="39"/>
      <c r="E46" s="39"/>
      <c r="F46" s="39"/>
      <c r="G46" s="39"/>
      <c r="H46" s="39"/>
      <c r="I46" s="39"/>
      <c r="J46" s="39"/>
      <c r="K46" s="39"/>
      <c r="L46" s="39"/>
      <c r="M46" s="39"/>
      <c r="N46" s="39"/>
    </row>
    <row r="47" spans="2:14" ht="22.5" customHeight="1" x14ac:dyDescent="0.15">
      <c r="B47" s="39"/>
      <c r="C47" s="39"/>
      <c r="D47" s="39"/>
      <c r="E47" s="39"/>
      <c r="F47" s="39"/>
      <c r="G47" s="39"/>
      <c r="H47" s="39"/>
      <c r="I47" s="39"/>
      <c r="J47" s="39"/>
      <c r="K47" s="39"/>
      <c r="L47" s="39"/>
      <c r="M47" s="39"/>
      <c r="N47" s="39"/>
    </row>
    <row r="48" spans="2:14" ht="22.5" customHeight="1" x14ac:dyDescent="0.15">
      <c r="B48" s="39"/>
      <c r="C48" s="39"/>
      <c r="D48" s="39"/>
      <c r="E48" s="39"/>
      <c r="F48" s="39"/>
      <c r="G48" s="39"/>
      <c r="H48" s="39"/>
      <c r="I48" s="39"/>
      <c r="J48" s="39"/>
      <c r="K48" s="39"/>
      <c r="L48" s="39"/>
      <c r="M48" s="39"/>
      <c r="N48" s="39"/>
    </row>
    <row r="49" spans="1:14" ht="22.5" customHeight="1" x14ac:dyDescent="0.15">
      <c r="B49" s="39"/>
      <c r="C49" s="39"/>
      <c r="D49" s="39"/>
      <c r="E49" s="39"/>
      <c r="F49" s="39"/>
      <c r="G49" s="39"/>
      <c r="H49" s="39"/>
      <c r="I49" s="39"/>
      <c r="J49" s="39"/>
      <c r="K49" s="39"/>
      <c r="L49" s="39"/>
      <c r="M49" s="39"/>
      <c r="N49" s="39"/>
    </row>
    <row r="50" spans="1:14" ht="22.5" customHeight="1" x14ac:dyDescent="0.15">
      <c r="B50" s="39"/>
      <c r="C50" s="39"/>
      <c r="D50" s="39"/>
      <c r="E50" s="39"/>
      <c r="F50" s="39"/>
      <c r="G50" s="39"/>
      <c r="H50" s="39"/>
      <c r="I50" s="39"/>
      <c r="J50" s="39"/>
      <c r="K50" s="39"/>
      <c r="L50" s="39"/>
      <c r="M50" s="39"/>
      <c r="N50" s="39"/>
    </row>
    <row r="51" spans="1:14" ht="22.5" customHeight="1" x14ac:dyDescent="0.15">
      <c r="B51" s="39"/>
      <c r="C51" s="39"/>
      <c r="D51" s="39"/>
      <c r="E51" s="39"/>
      <c r="F51" s="39"/>
      <c r="G51" s="39"/>
      <c r="H51" s="39"/>
      <c r="I51" s="39"/>
      <c r="J51" s="39"/>
      <c r="K51" s="39"/>
      <c r="L51" s="39"/>
      <c r="M51" s="39"/>
      <c r="N51" s="39"/>
    </row>
    <row r="52" spans="1:14" ht="22.5" customHeight="1" x14ac:dyDescent="0.15">
      <c r="B52" s="39"/>
      <c r="C52" s="39"/>
      <c r="D52" s="39"/>
      <c r="E52" s="39"/>
      <c r="F52" s="39"/>
      <c r="G52" s="39"/>
      <c r="H52" s="39"/>
      <c r="I52" s="39"/>
      <c r="J52" s="39"/>
      <c r="K52" s="39"/>
      <c r="L52" s="39"/>
      <c r="M52" s="39"/>
      <c r="N52" s="39"/>
    </row>
    <row r="53" spans="1:14" ht="22.5" customHeight="1" x14ac:dyDescent="0.15">
      <c r="B53" s="39"/>
      <c r="C53" s="39"/>
      <c r="D53" s="39"/>
      <c r="E53" s="39"/>
      <c r="F53" s="39"/>
      <c r="G53" s="39"/>
      <c r="H53" s="39"/>
      <c r="I53" s="39"/>
      <c r="J53" s="39"/>
      <c r="K53" s="39"/>
      <c r="L53" s="39"/>
      <c r="M53" s="39"/>
      <c r="N53" s="39"/>
    </row>
    <row r="54" spans="1:14" ht="22.5" customHeight="1" x14ac:dyDescent="0.15">
      <c r="B54" s="39"/>
      <c r="C54" s="39"/>
      <c r="D54" s="39"/>
      <c r="E54" s="39"/>
      <c r="F54" s="39"/>
      <c r="G54" s="39"/>
      <c r="H54" s="39"/>
      <c r="I54" s="39"/>
      <c r="J54" s="39"/>
      <c r="K54" s="39"/>
      <c r="L54" s="39"/>
      <c r="M54" s="39"/>
      <c r="N54" s="39"/>
    </row>
    <row r="55" spans="1:14" ht="22.5" customHeight="1" x14ac:dyDescent="0.15">
      <c r="B55" s="39"/>
      <c r="C55" s="39"/>
      <c r="D55" s="39"/>
      <c r="E55" s="39"/>
      <c r="F55" s="39"/>
      <c r="G55" s="39"/>
      <c r="H55" s="39"/>
      <c r="I55" s="39"/>
      <c r="J55" s="39"/>
      <c r="K55" s="39"/>
      <c r="L55" s="39"/>
      <c r="M55" s="39"/>
      <c r="N55" s="39"/>
    </row>
    <row r="56" spans="1:14" ht="22.5" customHeight="1" x14ac:dyDescent="0.15">
      <c r="B56" s="39"/>
      <c r="C56" s="39"/>
      <c r="D56" s="39"/>
      <c r="E56" s="39"/>
      <c r="F56" s="39"/>
      <c r="G56" s="39"/>
      <c r="H56" s="39"/>
      <c r="I56" s="39"/>
      <c r="J56" s="39"/>
      <c r="K56" s="39"/>
      <c r="L56" s="39"/>
      <c r="M56" s="39"/>
      <c r="N56" s="39"/>
    </row>
    <row r="57" spans="1:14" s="2" customFormat="1" ht="22.5" customHeight="1" x14ac:dyDescent="0.15">
      <c r="A57" s="39"/>
      <c r="B57" s="39"/>
      <c r="C57" s="39"/>
      <c r="D57" s="39"/>
      <c r="E57" s="39"/>
      <c r="F57" s="39"/>
      <c r="G57" s="39"/>
      <c r="H57" s="39"/>
      <c r="I57" s="39"/>
      <c r="J57" s="39"/>
      <c r="K57" s="39"/>
      <c r="L57" s="39"/>
      <c r="M57" s="39"/>
      <c r="N57" s="39"/>
    </row>
    <row r="58" spans="1:14" ht="22.5" customHeight="1" x14ac:dyDescent="0.15">
      <c r="B58" s="39"/>
      <c r="C58" s="39"/>
      <c r="D58" s="39"/>
      <c r="E58" s="39"/>
      <c r="F58" s="39"/>
      <c r="G58" s="39"/>
      <c r="H58" s="39"/>
      <c r="I58" s="39"/>
      <c r="J58" s="39"/>
      <c r="K58" s="39"/>
      <c r="L58" s="39"/>
      <c r="M58" s="39"/>
      <c r="N58" s="39"/>
    </row>
    <row r="59" spans="1:14" ht="22.5" customHeight="1" x14ac:dyDescent="0.15">
      <c r="B59" s="39"/>
      <c r="C59" s="39"/>
      <c r="D59" s="39"/>
      <c r="E59" s="39"/>
      <c r="F59" s="39"/>
      <c r="G59" s="39"/>
      <c r="H59" s="39"/>
      <c r="I59" s="39"/>
      <c r="J59" s="39"/>
      <c r="K59" s="39"/>
      <c r="L59" s="39"/>
      <c r="M59" s="39"/>
      <c r="N59" s="39"/>
    </row>
    <row r="60" spans="1:14" ht="22.5" customHeight="1" x14ac:dyDescent="0.15">
      <c r="B60" s="39"/>
      <c r="C60" s="39"/>
      <c r="D60" s="39"/>
      <c r="E60" s="39"/>
      <c r="F60" s="39"/>
      <c r="G60" s="39"/>
      <c r="H60" s="39"/>
      <c r="I60" s="39"/>
      <c r="J60" s="39"/>
      <c r="K60" s="39"/>
      <c r="L60" s="39"/>
      <c r="M60" s="39"/>
      <c r="N60" s="39"/>
    </row>
  </sheetData>
  <sheetProtection selectLockedCells="1" selectUnlockedCells="1"/>
  <mergeCells count="8">
    <mergeCell ref="A1:E1"/>
    <mergeCell ref="C5:L5"/>
    <mergeCell ref="C6:L6"/>
    <mergeCell ref="C8:E8"/>
    <mergeCell ref="C9:I9"/>
    <mergeCell ref="C10:I10"/>
    <mergeCell ref="C11:I11"/>
    <mergeCell ref="C12:I12"/>
  </mergeCells>
  <phoneticPr fontId="24"/>
  <printOptions horizontalCentered="1"/>
  <pageMargins left="0.19685039370078741" right="0.19685039370078741" top="0.31496062992125984" bottom="0.19685039370078741" header="0.11811023622047245" footer="0.11811023622047245"/>
  <pageSetup paperSize="9" scale="58" firstPageNumber="114" orientation="portrait" blackAndWhite="1" useFirstPageNumber="1" r:id="rId1"/>
  <headerFooter>
    <oddFooter>&amp;C&amp;"ＭＳ Ｐ明朝,標準"&amp;20&amp;P</oddFooter>
  </headerFooter>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U193"/>
  <sheetViews>
    <sheetView showGridLines="0" view="pageBreakPreview" zoomScaleNormal="80" zoomScaleSheetLayoutView="100" workbookViewId="0">
      <selection sqref="A1:G1"/>
    </sheetView>
  </sheetViews>
  <sheetFormatPr defaultColWidth="8.875" defaultRowHeight="22.5" customHeight="1" x14ac:dyDescent="0.15"/>
  <cols>
    <col min="1" max="6" width="1.875" style="1" customWidth="1"/>
    <col min="7" max="7" width="36.625" style="1" customWidth="1"/>
    <col min="8" max="8" width="33.625" style="1" customWidth="1"/>
    <col min="9" max="9" width="1.125" style="1" customWidth="1"/>
    <col min="10" max="10" width="2.25" style="1" customWidth="1"/>
    <col min="11" max="16" width="1.875" style="1" customWidth="1"/>
    <col min="17" max="17" width="36.625" style="1" customWidth="1"/>
    <col min="18" max="18" width="33.625" style="1" customWidth="1"/>
    <col min="19" max="19" width="1.125" style="1" customWidth="1"/>
    <col min="20" max="20" width="3.625" style="1" customWidth="1"/>
    <col min="21" max="21" width="8.875" style="2"/>
    <col min="22" max="255" width="8.875" style="1"/>
    <col min="256" max="256" width="3.625" style="1" customWidth="1"/>
    <col min="257" max="262" width="1.875" style="1" customWidth="1"/>
    <col min="263" max="263" width="36.625" style="1" customWidth="1"/>
    <col min="264" max="264" width="33.625" style="1" customWidth="1"/>
    <col min="265" max="265" width="1.125" style="1" customWidth="1"/>
    <col min="266" max="266" width="2.25" style="1" customWidth="1"/>
    <col min="267" max="272" width="1.875" style="1" customWidth="1"/>
    <col min="273" max="273" width="36.625" style="1" customWidth="1"/>
    <col min="274" max="274" width="33.625" style="1" customWidth="1"/>
    <col min="275" max="275" width="1.125" style="1" customWidth="1"/>
    <col min="276" max="276" width="3.625" style="1" customWidth="1"/>
    <col min="277" max="511" width="8.875" style="1"/>
    <col min="512" max="512" width="3.625" style="1" customWidth="1"/>
    <col min="513" max="518" width="1.875" style="1" customWidth="1"/>
    <col min="519" max="519" width="36.625" style="1" customWidth="1"/>
    <col min="520" max="520" width="33.625" style="1" customWidth="1"/>
    <col min="521" max="521" width="1.125" style="1" customWidth="1"/>
    <col min="522" max="522" width="2.25" style="1" customWidth="1"/>
    <col min="523" max="528" width="1.875" style="1" customWidth="1"/>
    <col min="529" max="529" width="36.625" style="1" customWidth="1"/>
    <col min="530" max="530" width="33.625" style="1" customWidth="1"/>
    <col min="531" max="531" width="1.125" style="1" customWidth="1"/>
    <col min="532" max="532" width="3.625" style="1" customWidth="1"/>
    <col min="533" max="767" width="8.875" style="1"/>
    <col min="768" max="768" width="3.625" style="1" customWidth="1"/>
    <col min="769" max="774" width="1.875" style="1" customWidth="1"/>
    <col min="775" max="775" width="36.625" style="1" customWidth="1"/>
    <col min="776" max="776" width="33.625" style="1" customWidth="1"/>
    <col min="777" max="777" width="1.125" style="1" customWidth="1"/>
    <col min="778" max="778" width="2.25" style="1" customWidth="1"/>
    <col min="779" max="784" width="1.875" style="1" customWidth="1"/>
    <col min="785" max="785" width="36.625" style="1" customWidth="1"/>
    <col min="786" max="786" width="33.625" style="1" customWidth="1"/>
    <col min="787" max="787" width="1.125" style="1" customWidth="1"/>
    <col min="788" max="788" width="3.625" style="1" customWidth="1"/>
    <col min="789" max="1023" width="8.875" style="1"/>
    <col min="1024" max="1024" width="3.625" style="1" customWidth="1"/>
    <col min="1025" max="1030" width="1.875" style="1" customWidth="1"/>
    <col min="1031" max="1031" width="36.625" style="1" customWidth="1"/>
    <col min="1032" max="1032" width="33.625" style="1" customWidth="1"/>
    <col min="1033" max="1033" width="1.125" style="1" customWidth="1"/>
    <col min="1034" max="1034" width="2.25" style="1" customWidth="1"/>
    <col min="1035" max="1040" width="1.875" style="1" customWidth="1"/>
    <col min="1041" max="1041" width="36.625" style="1" customWidth="1"/>
    <col min="1042" max="1042" width="33.625" style="1" customWidth="1"/>
    <col min="1043" max="1043" width="1.125" style="1" customWidth="1"/>
    <col min="1044" max="1044" width="3.625" style="1" customWidth="1"/>
    <col min="1045" max="1279" width="8.875" style="1"/>
    <col min="1280" max="1280" width="3.625" style="1" customWidth="1"/>
    <col min="1281" max="1286" width="1.875" style="1" customWidth="1"/>
    <col min="1287" max="1287" width="36.625" style="1" customWidth="1"/>
    <col min="1288" max="1288" width="33.625" style="1" customWidth="1"/>
    <col min="1289" max="1289" width="1.125" style="1" customWidth="1"/>
    <col min="1290" max="1290" width="2.25" style="1" customWidth="1"/>
    <col min="1291" max="1296" width="1.875" style="1" customWidth="1"/>
    <col min="1297" max="1297" width="36.625" style="1" customWidth="1"/>
    <col min="1298" max="1298" width="33.625" style="1" customWidth="1"/>
    <col min="1299" max="1299" width="1.125" style="1" customWidth="1"/>
    <col min="1300" max="1300" width="3.625" style="1" customWidth="1"/>
    <col min="1301" max="1535" width="8.875" style="1"/>
    <col min="1536" max="1536" width="3.625" style="1" customWidth="1"/>
    <col min="1537" max="1542" width="1.875" style="1" customWidth="1"/>
    <col min="1543" max="1543" width="36.625" style="1" customWidth="1"/>
    <col min="1544" max="1544" width="33.625" style="1" customWidth="1"/>
    <col min="1545" max="1545" width="1.125" style="1" customWidth="1"/>
    <col min="1546" max="1546" width="2.25" style="1" customWidth="1"/>
    <col min="1547" max="1552" width="1.875" style="1" customWidth="1"/>
    <col min="1553" max="1553" width="36.625" style="1" customWidth="1"/>
    <col min="1554" max="1554" width="33.625" style="1" customWidth="1"/>
    <col min="1555" max="1555" width="1.125" style="1" customWidth="1"/>
    <col min="1556" max="1556" width="3.625" style="1" customWidth="1"/>
    <col min="1557" max="1791" width="8.875" style="1"/>
    <col min="1792" max="1792" width="3.625" style="1" customWidth="1"/>
    <col min="1793" max="1798" width="1.875" style="1" customWidth="1"/>
    <col min="1799" max="1799" width="36.625" style="1" customWidth="1"/>
    <col min="1800" max="1800" width="33.625" style="1" customWidth="1"/>
    <col min="1801" max="1801" width="1.125" style="1" customWidth="1"/>
    <col min="1802" max="1802" width="2.25" style="1" customWidth="1"/>
    <col min="1803" max="1808" width="1.875" style="1" customWidth="1"/>
    <col min="1809" max="1809" width="36.625" style="1" customWidth="1"/>
    <col min="1810" max="1810" width="33.625" style="1" customWidth="1"/>
    <col min="1811" max="1811" width="1.125" style="1" customWidth="1"/>
    <col min="1812" max="1812" width="3.625" style="1" customWidth="1"/>
    <col min="1813" max="2047" width="8.875" style="1"/>
    <col min="2048" max="2048" width="3.625" style="1" customWidth="1"/>
    <col min="2049" max="2054" width="1.875" style="1" customWidth="1"/>
    <col min="2055" max="2055" width="36.625" style="1" customWidth="1"/>
    <col min="2056" max="2056" width="33.625" style="1" customWidth="1"/>
    <col min="2057" max="2057" width="1.125" style="1" customWidth="1"/>
    <col min="2058" max="2058" width="2.25" style="1" customWidth="1"/>
    <col min="2059" max="2064" width="1.875" style="1" customWidth="1"/>
    <col min="2065" max="2065" width="36.625" style="1" customWidth="1"/>
    <col min="2066" max="2066" width="33.625" style="1" customWidth="1"/>
    <col min="2067" max="2067" width="1.125" style="1" customWidth="1"/>
    <col min="2068" max="2068" width="3.625" style="1" customWidth="1"/>
    <col min="2069" max="2303" width="8.875" style="1"/>
    <col min="2304" max="2304" width="3.625" style="1" customWidth="1"/>
    <col min="2305" max="2310" width="1.875" style="1" customWidth="1"/>
    <col min="2311" max="2311" width="36.625" style="1" customWidth="1"/>
    <col min="2312" max="2312" width="33.625" style="1" customWidth="1"/>
    <col min="2313" max="2313" width="1.125" style="1" customWidth="1"/>
    <col min="2314" max="2314" width="2.25" style="1" customWidth="1"/>
    <col min="2315" max="2320" width="1.875" style="1" customWidth="1"/>
    <col min="2321" max="2321" width="36.625" style="1" customWidth="1"/>
    <col min="2322" max="2322" width="33.625" style="1" customWidth="1"/>
    <col min="2323" max="2323" width="1.125" style="1" customWidth="1"/>
    <col min="2324" max="2324" width="3.625" style="1" customWidth="1"/>
    <col min="2325" max="2559" width="8.875" style="1"/>
    <col min="2560" max="2560" width="3.625" style="1" customWidth="1"/>
    <col min="2561" max="2566" width="1.875" style="1" customWidth="1"/>
    <col min="2567" max="2567" width="36.625" style="1" customWidth="1"/>
    <col min="2568" max="2568" width="33.625" style="1" customWidth="1"/>
    <col min="2569" max="2569" width="1.125" style="1" customWidth="1"/>
    <col min="2570" max="2570" width="2.25" style="1" customWidth="1"/>
    <col min="2571" max="2576" width="1.875" style="1" customWidth="1"/>
    <col min="2577" max="2577" width="36.625" style="1" customWidth="1"/>
    <col min="2578" max="2578" width="33.625" style="1" customWidth="1"/>
    <col min="2579" max="2579" width="1.125" style="1" customWidth="1"/>
    <col min="2580" max="2580" width="3.625" style="1" customWidth="1"/>
    <col min="2581" max="2815" width="8.875" style="1"/>
    <col min="2816" max="2816" width="3.625" style="1" customWidth="1"/>
    <col min="2817" max="2822" width="1.875" style="1" customWidth="1"/>
    <col min="2823" max="2823" width="36.625" style="1" customWidth="1"/>
    <col min="2824" max="2824" width="33.625" style="1" customWidth="1"/>
    <col min="2825" max="2825" width="1.125" style="1" customWidth="1"/>
    <col min="2826" max="2826" width="2.25" style="1" customWidth="1"/>
    <col min="2827" max="2832" width="1.875" style="1" customWidth="1"/>
    <col min="2833" max="2833" width="36.625" style="1" customWidth="1"/>
    <col min="2834" max="2834" width="33.625" style="1" customWidth="1"/>
    <col min="2835" max="2835" width="1.125" style="1" customWidth="1"/>
    <col min="2836" max="2836" width="3.625" style="1" customWidth="1"/>
    <col min="2837" max="3071" width="8.875" style="1"/>
    <col min="3072" max="3072" width="3.625" style="1" customWidth="1"/>
    <col min="3073" max="3078" width="1.875" style="1" customWidth="1"/>
    <col min="3079" max="3079" width="36.625" style="1" customWidth="1"/>
    <col min="3080" max="3080" width="33.625" style="1" customWidth="1"/>
    <col min="3081" max="3081" width="1.125" style="1" customWidth="1"/>
    <col min="3082" max="3082" width="2.25" style="1" customWidth="1"/>
    <col min="3083" max="3088" width="1.875" style="1" customWidth="1"/>
    <col min="3089" max="3089" width="36.625" style="1" customWidth="1"/>
    <col min="3090" max="3090" width="33.625" style="1" customWidth="1"/>
    <col min="3091" max="3091" width="1.125" style="1" customWidth="1"/>
    <col min="3092" max="3092" width="3.625" style="1" customWidth="1"/>
    <col min="3093" max="3327" width="8.875" style="1"/>
    <col min="3328" max="3328" width="3.625" style="1" customWidth="1"/>
    <col min="3329" max="3334" width="1.875" style="1" customWidth="1"/>
    <col min="3335" max="3335" width="36.625" style="1" customWidth="1"/>
    <col min="3336" max="3336" width="33.625" style="1" customWidth="1"/>
    <col min="3337" max="3337" width="1.125" style="1" customWidth="1"/>
    <col min="3338" max="3338" width="2.25" style="1" customWidth="1"/>
    <col min="3339" max="3344" width="1.875" style="1" customWidth="1"/>
    <col min="3345" max="3345" width="36.625" style="1" customWidth="1"/>
    <col min="3346" max="3346" width="33.625" style="1" customWidth="1"/>
    <col min="3347" max="3347" width="1.125" style="1" customWidth="1"/>
    <col min="3348" max="3348" width="3.625" style="1" customWidth="1"/>
    <col min="3349" max="3583" width="8.875" style="1"/>
    <col min="3584" max="3584" width="3.625" style="1" customWidth="1"/>
    <col min="3585" max="3590" width="1.875" style="1" customWidth="1"/>
    <col min="3591" max="3591" width="36.625" style="1" customWidth="1"/>
    <col min="3592" max="3592" width="33.625" style="1" customWidth="1"/>
    <col min="3593" max="3593" width="1.125" style="1" customWidth="1"/>
    <col min="3594" max="3594" width="2.25" style="1" customWidth="1"/>
    <col min="3595" max="3600" width="1.875" style="1" customWidth="1"/>
    <col min="3601" max="3601" width="36.625" style="1" customWidth="1"/>
    <col min="3602" max="3602" width="33.625" style="1" customWidth="1"/>
    <col min="3603" max="3603" width="1.125" style="1" customWidth="1"/>
    <col min="3604" max="3604" width="3.625" style="1" customWidth="1"/>
    <col min="3605" max="3839" width="8.875" style="1"/>
    <col min="3840" max="3840" width="3.625" style="1" customWidth="1"/>
    <col min="3841" max="3846" width="1.875" style="1" customWidth="1"/>
    <col min="3847" max="3847" width="36.625" style="1" customWidth="1"/>
    <col min="3848" max="3848" width="33.625" style="1" customWidth="1"/>
    <col min="3849" max="3849" width="1.125" style="1" customWidth="1"/>
    <col min="3850" max="3850" width="2.25" style="1" customWidth="1"/>
    <col min="3851" max="3856" width="1.875" style="1" customWidth="1"/>
    <col min="3857" max="3857" width="36.625" style="1" customWidth="1"/>
    <col min="3858" max="3858" width="33.625" style="1" customWidth="1"/>
    <col min="3859" max="3859" width="1.125" style="1" customWidth="1"/>
    <col min="3860" max="3860" width="3.625" style="1" customWidth="1"/>
    <col min="3861" max="4095" width="8.875" style="1"/>
    <col min="4096" max="4096" width="3.625" style="1" customWidth="1"/>
    <col min="4097" max="4102" width="1.875" style="1" customWidth="1"/>
    <col min="4103" max="4103" width="36.625" style="1" customWidth="1"/>
    <col min="4104" max="4104" width="33.625" style="1" customWidth="1"/>
    <col min="4105" max="4105" width="1.125" style="1" customWidth="1"/>
    <col min="4106" max="4106" width="2.25" style="1" customWidth="1"/>
    <col min="4107" max="4112" width="1.875" style="1" customWidth="1"/>
    <col min="4113" max="4113" width="36.625" style="1" customWidth="1"/>
    <col min="4114" max="4114" width="33.625" style="1" customWidth="1"/>
    <col min="4115" max="4115" width="1.125" style="1" customWidth="1"/>
    <col min="4116" max="4116" width="3.625" style="1" customWidth="1"/>
    <col min="4117" max="4351" width="8.875" style="1"/>
    <col min="4352" max="4352" width="3.625" style="1" customWidth="1"/>
    <col min="4353" max="4358" width="1.875" style="1" customWidth="1"/>
    <col min="4359" max="4359" width="36.625" style="1" customWidth="1"/>
    <col min="4360" max="4360" width="33.625" style="1" customWidth="1"/>
    <col min="4361" max="4361" width="1.125" style="1" customWidth="1"/>
    <col min="4362" max="4362" width="2.25" style="1" customWidth="1"/>
    <col min="4363" max="4368" width="1.875" style="1" customWidth="1"/>
    <col min="4369" max="4369" width="36.625" style="1" customWidth="1"/>
    <col min="4370" max="4370" width="33.625" style="1" customWidth="1"/>
    <col min="4371" max="4371" width="1.125" style="1" customWidth="1"/>
    <col min="4372" max="4372" width="3.625" style="1" customWidth="1"/>
    <col min="4373" max="4607" width="8.875" style="1"/>
    <col min="4608" max="4608" width="3.625" style="1" customWidth="1"/>
    <col min="4609" max="4614" width="1.875" style="1" customWidth="1"/>
    <col min="4615" max="4615" width="36.625" style="1" customWidth="1"/>
    <col min="4616" max="4616" width="33.625" style="1" customWidth="1"/>
    <col min="4617" max="4617" width="1.125" style="1" customWidth="1"/>
    <col min="4618" max="4618" width="2.25" style="1" customWidth="1"/>
    <col min="4619" max="4624" width="1.875" style="1" customWidth="1"/>
    <col min="4625" max="4625" width="36.625" style="1" customWidth="1"/>
    <col min="4626" max="4626" width="33.625" style="1" customWidth="1"/>
    <col min="4627" max="4627" width="1.125" style="1" customWidth="1"/>
    <col min="4628" max="4628" width="3.625" style="1" customWidth="1"/>
    <col min="4629" max="4863" width="8.875" style="1"/>
    <col min="4864" max="4864" width="3.625" style="1" customWidth="1"/>
    <col min="4865" max="4870" width="1.875" style="1" customWidth="1"/>
    <col min="4871" max="4871" width="36.625" style="1" customWidth="1"/>
    <col min="4872" max="4872" width="33.625" style="1" customWidth="1"/>
    <col min="4873" max="4873" width="1.125" style="1" customWidth="1"/>
    <col min="4874" max="4874" width="2.25" style="1" customWidth="1"/>
    <col min="4875" max="4880" width="1.875" style="1" customWidth="1"/>
    <col min="4881" max="4881" width="36.625" style="1" customWidth="1"/>
    <col min="4882" max="4882" width="33.625" style="1" customWidth="1"/>
    <col min="4883" max="4883" width="1.125" style="1" customWidth="1"/>
    <col min="4884" max="4884" width="3.625" style="1" customWidth="1"/>
    <col min="4885" max="5119" width="8.875" style="1"/>
    <col min="5120" max="5120" width="3.625" style="1" customWidth="1"/>
    <col min="5121" max="5126" width="1.875" style="1" customWidth="1"/>
    <col min="5127" max="5127" width="36.625" style="1" customWidth="1"/>
    <col min="5128" max="5128" width="33.625" style="1" customWidth="1"/>
    <col min="5129" max="5129" width="1.125" style="1" customWidth="1"/>
    <col min="5130" max="5130" width="2.25" style="1" customWidth="1"/>
    <col min="5131" max="5136" width="1.875" style="1" customWidth="1"/>
    <col min="5137" max="5137" width="36.625" style="1" customWidth="1"/>
    <col min="5138" max="5138" width="33.625" style="1" customWidth="1"/>
    <col min="5139" max="5139" width="1.125" style="1" customWidth="1"/>
    <col min="5140" max="5140" width="3.625" style="1" customWidth="1"/>
    <col min="5141" max="5375" width="8.875" style="1"/>
    <col min="5376" max="5376" width="3.625" style="1" customWidth="1"/>
    <col min="5377" max="5382" width="1.875" style="1" customWidth="1"/>
    <col min="5383" max="5383" width="36.625" style="1" customWidth="1"/>
    <col min="5384" max="5384" width="33.625" style="1" customWidth="1"/>
    <col min="5385" max="5385" width="1.125" style="1" customWidth="1"/>
    <col min="5386" max="5386" width="2.25" style="1" customWidth="1"/>
    <col min="5387" max="5392" width="1.875" style="1" customWidth="1"/>
    <col min="5393" max="5393" width="36.625" style="1" customWidth="1"/>
    <col min="5394" max="5394" width="33.625" style="1" customWidth="1"/>
    <col min="5395" max="5395" width="1.125" style="1" customWidth="1"/>
    <col min="5396" max="5396" width="3.625" style="1" customWidth="1"/>
    <col min="5397" max="5631" width="8.875" style="1"/>
    <col min="5632" max="5632" width="3.625" style="1" customWidth="1"/>
    <col min="5633" max="5638" width="1.875" style="1" customWidth="1"/>
    <col min="5639" max="5639" width="36.625" style="1" customWidth="1"/>
    <col min="5640" max="5640" width="33.625" style="1" customWidth="1"/>
    <col min="5641" max="5641" width="1.125" style="1" customWidth="1"/>
    <col min="5642" max="5642" width="2.25" style="1" customWidth="1"/>
    <col min="5643" max="5648" width="1.875" style="1" customWidth="1"/>
    <col min="5649" max="5649" width="36.625" style="1" customWidth="1"/>
    <col min="5650" max="5650" width="33.625" style="1" customWidth="1"/>
    <col min="5651" max="5651" width="1.125" style="1" customWidth="1"/>
    <col min="5652" max="5652" width="3.625" style="1" customWidth="1"/>
    <col min="5653" max="5887" width="8.875" style="1"/>
    <col min="5888" max="5888" width="3.625" style="1" customWidth="1"/>
    <col min="5889" max="5894" width="1.875" style="1" customWidth="1"/>
    <col min="5895" max="5895" width="36.625" style="1" customWidth="1"/>
    <col min="5896" max="5896" width="33.625" style="1" customWidth="1"/>
    <col min="5897" max="5897" width="1.125" style="1" customWidth="1"/>
    <col min="5898" max="5898" width="2.25" style="1" customWidth="1"/>
    <col min="5899" max="5904" width="1.875" style="1" customWidth="1"/>
    <col min="5905" max="5905" width="36.625" style="1" customWidth="1"/>
    <col min="5906" max="5906" width="33.625" style="1" customWidth="1"/>
    <col min="5907" max="5907" width="1.125" style="1" customWidth="1"/>
    <col min="5908" max="5908" width="3.625" style="1" customWidth="1"/>
    <col min="5909" max="6143" width="8.875" style="1"/>
    <col min="6144" max="6144" width="3.625" style="1" customWidth="1"/>
    <col min="6145" max="6150" width="1.875" style="1" customWidth="1"/>
    <col min="6151" max="6151" width="36.625" style="1" customWidth="1"/>
    <col min="6152" max="6152" width="33.625" style="1" customWidth="1"/>
    <col min="6153" max="6153" width="1.125" style="1" customWidth="1"/>
    <col min="6154" max="6154" width="2.25" style="1" customWidth="1"/>
    <col min="6155" max="6160" width="1.875" style="1" customWidth="1"/>
    <col min="6161" max="6161" width="36.625" style="1" customWidth="1"/>
    <col min="6162" max="6162" width="33.625" style="1" customWidth="1"/>
    <col min="6163" max="6163" width="1.125" style="1" customWidth="1"/>
    <col min="6164" max="6164" width="3.625" style="1" customWidth="1"/>
    <col min="6165" max="6399" width="8.875" style="1"/>
    <col min="6400" max="6400" width="3.625" style="1" customWidth="1"/>
    <col min="6401" max="6406" width="1.875" style="1" customWidth="1"/>
    <col min="6407" max="6407" width="36.625" style="1" customWidth="1"/>
    <col min="6408" max="6408" width="33.625" style="1" customWidth="1"/>
    <col min="6409" max="6409" width="1.125" style="1" customWidth="1"/>
    <col min="6410" max="6410" width="2.25" style="1" customWidth="1"/>
    <col min="6411" max="6416" width="1.875" style="1" customWidth="1"/>
    <col min="6417" max="6417" width="36.625" style="1" customWidth="1"/>
    <col min="6418" max="6418" width="33.625" style="1" customWidth="1"/>
    <col min="6419" max="6419" width="1.125" style="1" customWidth="1"/>
    <col min="6420" max="6420" width="3.625" style="1" customWidth="1"/>
    <col min="6421" max="6655" width="8.875" style="1"/>
    <col min="6656" max="6656" width="3.625" style="1" customWidth="1"/>
    <col min="6657" max="6662" width="1.875" style="1" customWidth="1"/>
    <col min="6663" max="6663" width="36.625" style="1" customWidth="1"/>
    <col min="6664" max="6664" width="33.625" style="1" customWidth="1"/>
    <col min="6665" max="6665" width="1.125" style="1" customWidth="1"/>
    <col min="6666" max="6666" width="2.25" style="1" customWidth="1"/>
    <col min="6667" max="6672" width="1.875" style="1" customWidth="1"/>
    <col min="6673" max="6673" width="36.625" style="1" customWidth="1"/>
    <col min="6674" max="6674" width="33.625" style="1" customWidth="1"/>
    <col min="6675" max="6675" width="1.125" style="1" customWidth="1"/>
    <col min="6676" max="6676" width="3.625" style="1" customWidth="1"/>
    <col min="6677" max="6911" width="8.875" style="1"/>
    <col min="6912" max="6912" width="3.625" style="1" customWidth="1"/>
    <col min="6913" max="6918" width="1.875" style="1" customWidth="1"/>
    <col min="6919" max="6919" width="36.625" style="1" customWidth="1"/>
    <col min="6920" max="6920" width="33.625" style="1" customWidth="1"/>
    <col min="6921" max="6921" width="1.125" style="1" customWidth="1"/>
    <col min="6922" max="6922" width="2.25" style="1" customWidth="1"/>
    <col min="6923" max="6928" width="1.875" style="1" customWidth="1"/>
    <col min="6929" max="6929" width="36.625" style="1" customWidth="1"/>
    <col min="6930" max="6930" width="33.625" style="1" customWidth="1"/>
    <col min="6931" max="6931" width="1.125" style="1" customWidth="1"/>
    <col min="6932" max="6932" width="3.625" style="1" customWidth="1"/>
    <col min="6933" max="7167" width="8.875" style="1"/>
    <col min="7168" max="7168" width="3.625" style="1" customWidth="1"/>
    <col min="7169" max="7174" width="1.875" style="1" customWidth="1"/>
    <col min="7175" max="7175" width="36.625" style="1" customWidth="1"/>
    <col min="7176" max="7176" width="33.625" style="1" customWidth="1"/>
    <col min="7177" max="7177" width="1.125" style="1" customWidth="1"/>
    <col min="7178" max="7178" width="2.25" style="1" customWidth="1"/>
    <col min="7179" max="7184" width="1.875" style="1" customWidth="1"/>
    <col min="7185" max="7185" width="36.625" style="1" customWidth="1"/>
    <col min="7186" max="7186" width="33.625" style="1" customWidth="1"/>
    <col min="7187" max="7187" width="1.125" style="1" customWidth="1"/>
    <col min="7188" max="7188" width="3.625" style="1" customWidth="1"/>
    <col min="7189" max="7423" width="8.875" style="1"/>
    <col min="7424" max="7424" width="3.625" style="1" customWidth="1"/>
    <col min="7425" max="7430" width="1.875" style="1" customWidth="1"/>
    <col min="7431" max="7431" width="36.625" style="1" customWidth="1"/>
    <col min="7432" max="7432" width="33.625" style="1" customWidth="1"/>
    <col min="7433" max="7433" width="1.125" style="1" customWidth="1"/>
    <col min="7434" max="7434" width="2.25" style="1" customWidth="1"/>
    <col min="7435" max="7440" width="1.875" style="1" customWidth="1"/>
    <col min="7441" max="7441" width="36.625" style="1" customWidth="1"/>
    <col min="7442" max="7442" width="33.625" style="1" customWidth="1"/>
    <col min="7443" max="7443" width="1.125" style="1" customWidth="1"/>
    <col min="7444" max="7444" width="3.625" style="1" customWidth="1"/>
    <col min="7445" max="7679" width="8.875" style="1"/>
    <col min="7680" max="7680" width="3.625" style="1" customWidth="1"/>
    <col min="7681" max="7686" width="1.875" style="1" customWidth="1"/>
    <col min="7687" max="7687" width="36.625" style="1" customWidth="1"/>
    <col min="7688" max="7688" width="33.625" style="1" customWidth="1"/>
    <col min="7689" max="7689" width="1.125" style="1" customWidth="1"/>
    <col min="7690" max="7690" width="2.25" style="1" customWidth="1"/>
    <col min="7691" max="7696" width="1.875" style="1" customWidth="1"/>
    <col min="7697" max="7697" width="36.625" style="1" customWidth="1"/>
    <col min="7698" max="7698" width="33.625" style="1" customWidth="1"/>
    <col min="7699" max="7699" width="1.125" style="1" customWidth="1"/>
    <col min="7700" max="7700" width="3.625" style="1" customWidth="1"/>
    <col min="7701" max="7935" width="8.875" style="1"/>
    <col min="7936" max="7936" width="3.625" style="1" customWidth="1"/>
    <col min="7937" max="7942" width="1.875" style="1" customWidth="1"/>
    <col min="7943" max="7943" width="36.625" style="1" customWidth="1"/>
    <col min="7944" max="7944" width="33.625" style="1" customWidth="1"/>
    <col min="7945" max="7945" width="1.125" style="1" customWidth="1"/>
    <col min="7946" max="7946" width="2.25" style="1" customWidth="1"/>
    <col min="7947" max="7952" width="1.875" style="1" customWidth="1"/>
    <col min="7953" max="7953" width="36.625" style="1" customWidth="1"/>
    <col min="7954" max="7954" width="33.625" style="1" customWidth="1"/>
    <col min="7955" max="7955" width="1.125" style="1" customWidth="1"/>
    <col min="7956" max="7956" width="3.625" style="1" customWidth="1"/>
    <col min="7957" max="8191" width="8.875" style="1"/>
    <col min="8192" max="8192" width="3.625" style="1" customWidth="1"/>
    <col min="8193" max="8198" width="1.875" style="1" customWidth="1"/>
    <col min="8199" max="8199" width="36.625" style="1" customWidth="1"/>
    <col min="8200" max="8200" width="33.625" style="1" customWidth="1"/>
    <col min="8201" max="8201" width="1.125" style="1" customWidth="1"/>
    <col min="8202" max="8202" width="2.25" style="1" customWidth="1"/>
    <col min="8203" max="8208" width="1.875" style="1" customWidth="1"/>
    <col min="8209" max="8209" width="36.625" style="1" customWidth="1"/>
    <col min="8210" max="8210" width="33.625" style="1" customWidth="1"/>
    <col min="8211" max="8211" width="1.125" style="1" customWidth="1"/>
    <col min="8212" max="8212" width="3.625" style="1" customWidth="1"/>
    <col min="8213" max="8447" width="8.875" style="1"/>
    <col min="8448" max="8448" width="3.625" style="1" customWidth="1"/>
    <col min="8449" max="8454" width="1.875" style="1" customWidth="1"/>
    <col min="8455" max="8455" width="36.625" style="1" customWidth="1"/>
    <col min="8456" max="8456" width="33.625" style="1" customWidth="1"/>
    <col min="8457" max="8457" width="1.125" style="1" customWidth="1"/>
    <col min="8458" max="8458" width="2.25" style="1" customWidth="1"/>
    <col min="8459" max="8464" width="1.875" style="1" customWidth="1"/>
    <col min="8465" max="8465" width="36.625" style="1" customWidth="1"/>
    <col min="8466" max="8466" width="33.625" style="1" customWidth="1"/>
    <col min="8467" max="8467" width="1.125" style="1" customWidth="1"/>
    <col min="8468" max="8468" width="3.625" style="1" customWidth="1"/>
    <col min="8469" max="8703" width="8.875" style="1"/>
    <col min="8704" max="8704" width="3.625" style="1" customWidth="1"/>
    <col min="8705" max="8710" width="1.875" style="1" customWidth="1"/>
    <col min="8711" max="8711" width="36.625" style="1" customWidth="1"/>
    <col min="8712" max="8712" width="33.625" style="1" customWidth="1"/>
    <col min="8713" max="8713" width="1.125" style="1" customWidth="1"/>
    <col min="8714" max="8714" width="2.25" style="1" customWidth="1"/>
    <col min="8715" max="8720" width="1.875" style="1" customWidth="1"/>
    <col min="8721" max="8721" width="36.625" style="1" customWidth="1"/>
    <col min="8722" max="8722" width="33.625" style="1" customWidth="1"/>
    <col min="8723" max="8723" width="1.125" style="1" customWidth="1"/>
    <col min="8724" max="8724" width="3.625" style="1" customWidth="1"/>
    <col min="8725" max="8959" width="8.875" style="1"/>
    <col min="8960" max="8960" width="3.625" style="1" customWidth="1"/>
    <col min="8961" max="8966" width="1.875" style="1" customWidth="1"/>
    <col min="8967" max="8967" width="36.625" style="1" customWidth="1"/>
    <col min="8968" max="8968" width="33.625" style="1" customWidth="1"/>
    <col min="8969" max="8969" width="1.125" style="1" customWidth="1"/>
    <col min="8970" max="8970" width="2.25" style="1" customWidth="1"/>
    <col min="8971" max="8976" width="1.875" style="1" customWidth="1"/>
    <col min="8977" max="8977" width="36.625" style="1" customWidth="1"/>
    <col min="8978" max="8978" width="33.625" style="1" customWidth="1"/>
    <col min="8979" max="8979" width="1.125" style="1" customWidth="1"/>
    <col min="8980" max="8980" width="3.625" style="1" customWidth="1"/>
    <col min="8981" max="9215" width="8.875" style="1"/>
    <col min="9216" max="9216" width="3.625" style="1" customWidth="1"/>
    <col min="9217" max="9222" width="1.875" style="1" customWidth="1"/>
    <col min="9223" max="9223" width="36.625" style="1" customWidth="1"/>
    <col min="9224" max="9224" width="33.625" style="1" customWidth="1"/>
    <col min="9225" max="9225" width="1.125" style="1" customWidth="1"/>
    <col min="9226" max="9226" width="2.25" style="1" customWidth="1"/>
    <col min="9227" max="9232" width="1.875" style="1" customWidth="1"/>
    <col min="9233" max="9233" width="36.625" style="1" customWidth="1"/>
    <col min="9234" max="9234" width="33.625" style="1" customWidth="1"/>
    <col min="9235" max="9235" width="1.125" style="1" customWidth="1"/>
    <col min="9236" max="9236" width="3.625" style="1" customWidth="1"/>
    <col min="9237" max="9471" width="8.875" style="1"/>
    <col min="9472" max="9472" width="3.625" style="1" customWidth="1"/>
    <col min="9473" max="9478" width="1.875" style="1" customWidth="1"/>
    <col min="9479" max="9479" width="36.625" style="1" customWidth="1"/>
    <col min="9480" max="9480" width="33.625" style="1" customWidth="1"/>
    <col min="9481" max="9481" width="1.125" style="1" customWidth="1"/>
    <col min="9482" max="9482" width="2.25" style="1" customWidth="1"/>
    <col min="9483" max="9488" width="1.875" style="1" customWidth="1"/>
    <col min="9489" max="9489" width="36.625" style="1" customWidth="1"/>
    <col min="9490" max="9490" width="33.625" style="1" customWidth="1"/>
    <col min="9491" max="9491" width="1.125" style="1" customWidth="1"/>
    <col min="9492" max="9492" width="3.625" style="1" customWidth="1"/>
    <col min="9493" max="9727" width="8.875" style="1"/>
    <col min="9728" max="9728" width="3.625" style="1" customWidth="1"/>
    <col min="9729" max="9734" width="1.875" style="1" customWidth="1"/>
    <col min="9735" max="9735" width="36.625" style="1" customWidth="1"/>
    <col min="9736" max="9736" width="33.625" style="1" customWidth="1"/>
    <col min="9737" max="9737" width="1.125" style="1" customWidth="1"/>
    <col min="9738" max="9738" width="2.25" style="1" customWidth="1"/>
    <col min="9739" max="9744" width="1.875" style="1" customWidth="1"/>
    <col min="9745" max="9745" width="36.625" style="1" customWidth="1"/>
    <col min="9746" max="9746" width="33.625" style="1" customWidth="1"/>
    <col min="9747" max="9747" width="1.125" style="1" customWidth="1"/>
    <col min="9748" max="9748" width="3.625" style="1" customWidth="1"/>
    <col min="9749" max="9983" width="8.875" style="1"/>
    <col min="9984" max="9984" width="3.625" style="1" customWidth="1"/>
    <col min="9985" max="9990" width="1.875" style="1" customWidth="1"/>
    <col min="9991" max="9991" width="36.625" style="1" customWidth="1"/>
    <col min="9992" max="9992" width="33.625" style="1" customWidth="1"/>
    <col min="9993" max="9993" width="1.125" style="1" customWidth="1"/>
    <col min="9994" max="9994" width="2.25" style="1" customWidth="1"/>
    <col min="9995" max="10000" width="1.875" style="1" customWidth="1"/>
    <col min="10001" max="10001" width="36.625" style="1" customWidth="1"/>
    <col min="10002" max="10002" width="33.625" style="1" customWidth="1"/>
    <col min="10003" max="10003" width="1.125" style="1" customWidth="1"/>
    <col min="10004" max="10004" width="3.625" style="1" customWidth="1"/>
    <col min="10005" max="10239" width="8.875" style="1"/>
    <col min="10240" max="10240" width="3.625" style="1" customWidth="1"/>
    <col min="10241" max="10246" width="1.875" style="1" customWidth="1"/>
    <col min="10247" max="10247" width="36.625" style="1" customWidth="1"/>
    <col min="10248" max="10248" width="33.625" style="1" customWidth="1"/>
    <col min="10249" max="10249" width="1.125" style="1" customWidth="1"/>
    <col min="10250" max="10250" width="2.25" style="1" customWidth="1"/>
    <col min="10251" max="10256" width="1.875" style="1" customWidth="1"/>
    <col min="10257" max="10257" width="36.625" style="1" customWidth="1"/>
    <col min="10258" max="10258" width="33.625" style="1" customWidth="1"/>
    <col min="10259" max="10259" width="1.125" style="1" customWidth="1"/>
    <col min="10260" max="10260" width="3.625" style="1" customWidth="1"/>
    <col min="10261" max="10495" width="8.875" style="1"/>
    <col min="10496" max="10496" width="3.625" style="1" customWidth="1"/>
    <col min="10497" max="10502" width="1.875" style="1" customWidth="1"/>
    <col min="10503" max="10503" width="36.625" style="1" customWidth="1"/>
    <col min="10504" max="10504" width="33.625" style="1" customWidth="1"/>
    <col min="10505" max="10505" width="1.125" style="1" customWidth="1"/>
    <col min="10506" max="10506" width="2.25" style="1" customWidth="1"/>
    <col min="10507" max="10512" width="1.875" style="1" customWidth="1"/>
    <col min="10513" max="10513" width="36.625" style="1" customWidth="1"/>
    <col min="10514" max="10514" width="33.625" style="1" customWidth="1"/>
    <col min="10515" max="10515" width="1.125" style="1" customWidth="1"/>
    <col min="10516" max="10516" width="3.625" style="1" customWidth="1"/>
    <col min="10517" max="10751" width="8.875" style="1"/>
    <col min="10752" max="10752" width="3.625" style="1" customWidth="1"/>
    <col min="10753" max="10758" width="1.875" style="1" customWidth="1"/>
    <col min="10759" max="10759" width="36.625" style="1" customWidth="1"/>
    <col min="10760" max="10760" width="33.625" style="1" customWidth="1"/>
    <col min="10761" max="10761" width="1.125" style="1" customWidth="1"/>
    <col min="10762" max="10762" width="2.25" style="1" customWidth="1"/>
    <col min="10763" max="10768" width="1.875" style="1" customWidth="1"/>
    <col min="10769" max="10769" width="36.625" style="1" customWidth="1"/>
    <col min="10770" max="10770" width="33.625" style="1" customWidth="1"/>
    <col min="10771" max="10771" width="1.125" style="1" customWidth="1"/>
    <col min="10772" max="10772" width="3.625" style="1" customWidth="1"/>
    <col min="10773" max="11007" width="8.875" style="1"/>
    <col min="11008" max="11008" width="3.625" style="1" customWidth="1"/>
    <col min="11009" max="11014" width="1.875" style="1" customWidth="1"/>
    <col min="11015" max="11015" width="36.625" style="1" customWidth="1"/>
    <col min="11016" max="11016" width="33.625" style="1" customWidth="1"/>
    <col min="11017" max="11017" width="1.125" style="1" customWidth="1"/>
    <col min="11018" max="11018" width="2.25" style="1" customWidth="1"/>
    <col min="11019" max="11024" width="1.875" style="1" customWidth="1"/>
    <col min="11025" max="11025" width="36.625" style="1" customWidth="1"/>
    <col min="11026" max="11026" width="33.625" style="1" customWidth="1"/>
    <col min="11027" max="11027" width="1.125" style="1" customWidth="1"/>
    <col min="11028" max="11028" width="3.625" style="1" customWidth="1"/>
    <col min="11029" max="11263" width="8.875" style="1"/>
    <col min="11264" max="11264" width="3.625" style="1" customWidth="1"/>
    <col min="11265" max="11270" width="1.875" style="1" customWidth="1"/>
    <col min="11271" max="11271" width="36.625" style="1" customWidth="1"/>
    <col min="11272" max="11272" width="33.625" style="1" customWidth="1"/>
    <col min="11273" max="11273" width="1.125" style="1" customWidth="1"/>
    <col min="11274" max="11274" width="2.25" style="1" customWidth="1"/>
    <col min="11275" max="11280" width="1.875" style="1" customWidth="1"/>
    <col min="11281" max="11281" width="36.625" style="1" customWidth="1"/>
    <col min="11282" max="11282" width="33.625" style="1" customWidth="1"/>
    <col min="11283" max="11283" width="1.125" style="1" customWidth="1"/>
    <col min="11284" max="11284" width="3.625" style="1" customWidth="1"/>
    <col min="11285" max="11519" width="8.875" style="1"/>
    <col min="11520" max="11520" width="3.625" style="1" customWidth="1"/>
    <col min="11521" max="11526" width="1.875" style="1" customWidth="1"/>
    <col min="11527" max="11527" width="36.625" style="1" customWidth="1"/>
    <col min="11528" max="11528" width="33.625" style="1" customWidth="1"/>
    <col min="11529" max="11529" width="1.125" style="1" customWidth="1"/>
    <col min="11530" max="11530" width="2.25" style="1" customWidth="1"/>
    <col min="11531" max="11536" width="1.875" style="1" customWidth="1"/>
    <col min="11537" max="11537" width="36.625" style="1" customWidth="1"/>
    <col min="11538" max="11538" width="33.625" style="1" customWidth="1"/>
    <col min="11539" max="11539" width="1.125" style="1" customWidth="1"/>
    <col min="11540" max="11540" width="3.625" style="1" customWidth="1"/>
    <col min="11541" max="11775" width="8.875" style="1"/>
    <col min="11776" max="11776" width="3.625" style="1" customWidth="1"/>
    <col min="11777" max="11782" width="1.875" style="1" customWidth="1"/>
    <col min="11783" max="11783" width="36.625" style="1" customWidth="1"/>
    <col min="11784" max="11784" width="33.625" style="1" customWidth="1"/>
    <col min="11785" max="11785" width="1.125" style="1" customWidth="1"/>
    <col min="11786" max="11786" width="2.25" style="1" customWidth="1"/>
    <col min="11787" max="11792" width="1.875" style="1" customWidth="1"/>
    <col min="11793" max="11793" width="36.625" style="1" customWidth="1"/>
    <col min="11794" max="11794" width="33.625" style="1" customWidth="1"/>
    <col min="11795" max="11795" width="1.125" style="1" customWidth="1"/>
    <col min="11796" max="11796" width="3.625" style="1" customWidth="1"/>
    <col min="11797" max="12031" width="8.875" style="1"/>
    <col min="12032" max="12032" width="3.625" style="1" customWidth="1"/>
    <col min="12033" max="12038" width="1.875" style="1" customWidth="1"/>
    <col min="12039" max="12039" width="36.625" style="1" customWidth="1"/>
    <col min="12040" max="12040" width="33.625" style="1" customWidth="1"/>
    <col min="12041" max="12041" width="1.125" style="1" customWidth="1"/>
    <col min="12042" max="12042" width="2.25" style="1" customWidth="1"/>
    <col min="12043" max="12048" width="1.875" style="1" customWidth="1"/>
    <col min="12049" max="12049" width="36.625" style="1" customWidth="1"/>
    <col min="12050" max="12050" width="33.625" style="1" customWidth="1"/>
    <col min="12051" max="12051" width="1.125" style="1" customWidth="1"/>
    <col min="12052" max="12052" width="3.625" style="1" customWidth="1"/>
    <col min="12053" max="12287" width="8.875" style="1"/>
    <col min="12288" max="12288" width="3.625" style="1" customWidth="1"/>
    <col min="12289" max="12294" width="1.875" style="1" customWidth="1"/>
    <col min="12295" max="12295" width="36.625" style="1" customWidth="1"/>
    <col min="12296" max="12296" width="33.625" style="1" customWidth="1"/>
    <col min="12297" max="12297" width="1.125" style="1" customWidth="1"/>
    <col min="12298" max="12298" width="2.25" style="1" customWidth="1"/>
    <col min="12299" max="12304" width="1.875" style="1" customWidth="1"/>
    <col min="12305" max="12305" width="36.625" style="1" customWidth="1"/>
    <col min="12306" max="12306" width="33.625" style="1" customWidth="1"/>
    <col min="12307" max="12307" width="1.125" style="1" customWidth="1"/>
    <col min="12308" max="12308" width="3.625" style="1" customWidth="1"/>
    <col min="12309" max="12543" width="8.875" style="1"/>
    <col min="12544" max="12544" width="3.625" style="1" customWidth="1"/>
    <col min="12545" max="12550" width="1.875" style="1" customWidth="1"/>
    <col min="12551" max="12551" width="36.625" style="1" customWidth="1"/>
    <col min="12552" max="12552" width="33.625" style="1" customWidth="1"/>
    <col min="12553" max="12553" width="1.125" style="1" customWidth="1"/>
    <col min="12554" max="12554" width="2.25" style="1" customWidth="1"/>
    <col min="12555" max="12560" width="1.875" style="1" customWidth="1"/>
    <col min="12561" max="12561" width="36.625" style="1" customWidth="1"/>
    <col min="12562" max="12562" width="33.625" style="1" customWidth="1"/>
    <col min="12563" max="12563" width="1.125" style="1" customWidth="1"/>
    <col min="12564" max="12564" width="3.625" style="1" customWidth="1"/>
    <col min="12565" max="12799" width="8.875" style="1"/>
    <col min="12800" max="12800" width="3.625" style="1" customWidth="1"/>
    <col min="12801" max="12806" width="1.875" style="1" customWidth="1"/>
    <col min="12807" max="12807" width="36.625" style="1" customWidth="1"/>
    <col min="12808" max="12808" width="33.625" style="1" customWidth="1"/>
    <col min="12809" max="12809" width="1.125" style="1" customWidth="1"/>
    <col min="12810" max="12810" width="2.25" style="1" customWidth="1"/>
    <col min="12811" max="12816" width="1.875" style="1" customWidth="1"/>
    <col min="12817" max="12817" width="36.625" style="1" customWidth="1"/>
    <col min="12818" max="12818" width="33.625" style="1" customWidth="1"/>
    <col min="12819" max="12819" width="1.125" style="1" customWidth="1"/>
    <col min="12820" max="12820" width="3.625" style="1" customWidth="1"/>
    <col min="12821" max="13055" width="8.875" style="1"/>
    <col min="13056" max="13056" width="3.625" style="1" customWidth="1"/>
    <col min="13057" max="13062" width="1.875" style="1" customWidth="1"/>
    <col min="13063" max="13063" width="36.625" style="1" customWidth="1"/>
    <col min="13064" max="13064" width="33.625" style="1" customWidth="1"/>
    <col min="13065" max="13065" width="1.125" style="1" customWidth="1"/>
    <col min="13066" max="13066" width="2.25" style="1" customWidth="1"/>
    <col min="13067" max="13072" width="1.875" style="1" customWidth="1"/>
    <col min="13073" max="13073" width="36.625" style="1" customWidth="1"/>
    <col min="13074" max="13074" width="33.625" style="1" customWidth="1"/>
    <col min="13075" max="13075" width="1.125" style="1" customWidth="1"/>
    <col min="13076" max="13076" width="3.625" style="1" customWidth="1"/>
    <col min="13077" max="13311" width="8.875" style="1"/>
    <col min="13312" max="13312" width="3.625" style="1" customWidth="1"/>
    <col min="13313" max="13318" width="1.875" style="1" customWidth="1"/>
    <col min="13319" max="13319" width="36.625" style="1" customWidth="1"/>
    <col min="13320" max="13320" width="33.625" style="1" customWidth="1"/>
    <col min="13321" max="13321" width="1.125" style="1" customWidth="1"/>
    <col min="13322" max="13322" width="2.25" style="1" customWidth="1"/>
    <col min="13323" max="13328" width="1.875" style="1" customWidth="1"/>
    <col min="13329" max="13329" width="36.625" style="1" customWidth="1"/>
    <col min="13330" max="13330" width="33.625" style="1" customWidth="1"/>
    <col min="13331" max="13331" width="1.125" style="1" customWidth="1"/>
    <col min="13332" max="13332" width="3.625" style="1" customWidth="1"/>
    <col min="13333" max="13567" width="8.875" style="1"/>
    <col min="13568" max="13568" width="3.625" style="1" customWidth="1"/>
    <col min="13569" max="13574" width="1.875" style="1" customWidth="1"/>
    <col min="13575" max="13575" width="36.625" style="1" customWidth="1"/>
    <col min="13576" max="13576" width="33.625" style="1" customWidth="1"/>
    <col min="13577" max="13577" width="1.125" style="1" customWidth="1"/>
    <col min="13578" max="13578" width="2.25" style="1" customWidth="1"/>
    <col min="13579" max="13584" width="1.875" style="1" customWidth="1"/>
    <col min="13585" max="13585" width="36.625" style="1" customWidth="1"/>
    <col min="13586" max="13586" width="33.625" style="1" customWidth="1"/>
    <col min="13587" max="13587" width="1.125" style="1" customWidth="1"/>
    <col min="13588" max="13588" width="3.625" style="1" customWidth="1"/>
    <col min="13589" max="13823" width="8.875" style="1"/>
    <col min="13824" max="13824" width="3.625" style="1" customWidth="1"/>
    <col min="13825" max="13830" width="1.875" style="1" customWidth="1"/>
    <col min="13831" max="13831" width="36.625" style="1" customWidth="1"/>
    <col min="13832" max="13832" width="33.625" style="1" customWidth="1"/>
    <col min="13833" max="13833" width="1.125" style="1" customWidth="1"/>
    <col min="13834" max="13834" width="2.25" style="1" customWidth="1"/>
    <col min="13835" max="13840" width="1.875" style="1" customWidth="1"/>
    <col min="13841" max="13841" width="36.625" style="1" customWidth="1"/>
    <col min="13842" max="13842" width="33.625" style="1" customWidth="1"/>
    <col min="13843" max="13843" width="1.125" style="1" customWidth="1"/>
    <col min="13844" max="13844" width="3.625" style="1" customWidth="1"/>
    <col min="13845" max="14079" width="8.875" style="1"/>
    <col min="14080" max="14080" width="3.625" style="1" customWidth="1"/>
    <col min="14081" max="14086" width="1.875" style="1" customWidth="1"/>
    <col min="14087" max="14087" width="36.625" style="1" customWidth="1"/>
    <col min="14088" max="14088" width="33.625" style="1" customWidth="1"/>
    <col min="14089" max="14089" width="1.125" style="1" customWidth="1"/>
    <col min="14090" max="14090" width="2.25" style="1" customWidth="1"/>
    <col min="14091" max="14096" width="1.875" style="1" customWidth="1"/>
    <col min="14097" max="14097" width="36.625" style="1" customWidth="1"/>
    <col min="14098" max="14098" width="33.625" style="1" customWidth="1"/>
    <col min="14099" max="14099" width="1.125" style="1" customWidth="1"/>
    <col min="14100" max="14100" width="3.625" style="1" customWidth="1"/>
    <col min="14101" max="14335" width="8.875" style="1"/>
    <col min="14336" max="14336" width="3.625" style="1" customWidth="1"/>
    <col min="14337" max="14342" width="1.875" style="1" customWidth="1"/>
    <col min="14343" max="14343" width="36.625" style="1" customWidth="1"/>
    <col min="14344" max="14344" width="33.625" style="1" customWidth="1"/>
    <col min="14345" max="14345" width="1.125" style="1" customWidth="1"/>
    <col min="14346" max="14346" width="2.25" style="1" customWidth="1"/>
    <col min="14347" max="14352" width="1.875" style="1" customWidth="1"/>
    <col min="14353" max="14353" width="36.625" style="1" customWidth="1"/>
    <col min="14354" max="14354" width="33.625" style="1" customWidth="1"/>
    <col min="14355" max="14355" width="1.125" style="1" customWidth="1"/>
    <col min="14356" max="14356" width="3.625" style="1" customWidth="1"/>
    <col min="14357" max="14591" width="8.875" style="1"/>
    <col min="14592" max="14592" width="3.625" style="1" customWidth="1"/>
    <col min="14593" max="14598" width="1.875" style="1" customWidth="1"/>
    <col min="14599" max="14599" width="36.625" style="1" customWidth="1"/>
    <col min="14600" max="14600" width="33.625" style="1" customWidth="1"/>
    <col min="14601" max="14601" width="1.125" style="1" customWidth="1"/>
    <col min="14602" max="14602" width="2.25" style="1" customWidth="1"/>
    <col min="14603" max="14608" width="1.875" style="1" customWidth="1"/>
    <col min="14609" max="14609" width="36.625" style="1" customWidth="1"/>
    <col min="14610" max="14610" width="33.625" style="1" customWidth="1"/>
    <col min="14611" max="14611" width="1.125" style="1" customWidth="1"/>
    <col min="14612" max="14612" width="3.625" style="1" customWidth="1"/>
    <col min="14613" max="14847" width="8.875" style="1"/>
    <col min="14848" max="14848" width="3.625" style="1" customWidth="1"/>
    <col min="14849" max="14854" width="1.875" style="1" customWidth="1"/>
    <col min="14855" max="14855" width="36.625" style="1" customWidth="1"/>
    <col min="14856" max="14856" width="33.625" style="1" customWidth="1"/>
    <col min="14857" max="14857" width="1.125" style="1" customWidth="1"/>
    <col min="14858" max="14858" width="2.25" style="1" customWidth="1"/>
    <col min="14859" max="14864" width="1.875" style="1" customWidth="1"/>
    <col min="14865" max="14865" width="36.625" style="1" customWidth="1"/>
    <col min="14866" max="14866" width="33.625" style="1" customWidth="1"/>
    <col min="14867" max="14867" width="1.125" style="1" customWidth="1"/>
    <col min="14868" max="14868" width="3.625" style="1" customWidth="1"/>
    <col min="14869" max="15103" width="8.875" style="1"/>
    <col min="15104" max="15104" width="3.625" style="1" customWidth="1"/>
    <col min="15105" max="15110" width="1.875" style="1" customWidth="1"/>
    <col min="15111" max="15111" width="36.625" style="1" customWidth="1"/>
    <col min="15112" max="15112" width="33.625" style="1" customWidth="1"/>
    <col min="15113" max="15113" width="1.125" style="1" customWidth="1"/>
    <col min="15114" max="15114" width="2.25" style="1" customWidth="1"/>
    <col min="15115" max="15120" width="1.875" style="1" customWidth="1"/>
    <col min="15121" max="15121" width="36.625" style="1" customWidth="1"/>
    <col min="15122" max="15122" width="33.625" style="1" customWidth="1"/>
    <col min="15123" max="15123" width="1.125" style="1" customWidth="1"/>
    <col min="15124" max="15124" width="3.625" style="1" customWidth="1"/>
    <col min="15125" max="15359" width="8.875" style="1"/>
    <col min="15360" max="15360" width="3.625" style="1" customWidth="1"/>
    <col min="15361" max="15366" width="1.875" style="1" customWidth="1"/>
    <col min="15367" max="15367" width="36.625" style="1" customWidth="1"/>
    <col min="15368" max="15368" width="33.625" style="1" customWidth="1"/>
    <col min="15369" max="15369" width="1.125" style="1" customWidth="1"/>
    <col min="15370" max="15370" width="2.25" style="1" customWidth="1"/>
    <col min="15371" max="15376" width="1.875" style="1" customWidth="1"/>
    <col min="15377" max="15377" width="36.625" style="1" customWidth="1"/>
    <col min="15378" max="15378" width="33.625" style="1" customWidth="1"/>
    <col min="15379" max="15379" width="1.125" style="1" customWidth="1"/>
    <col min="15380" max="15380" width="3.625" style="1" customWidth="1"/>
    <col min="15381" max="15615" width="8.875" style="1"/>
    <col min="15616" max="15616" width="3.625" style="1" customWidth="1"/>
    <col min="15617" max="15622" width="1.875" style="1" customWidth="1"/>
    <col min="15623" max="15623" width="36.625" style="1" customWidth="1"/>
    <col min="15624" max="15624" width="33.625" style="1" customWidth="1"/>
    <col min="15625" max="15625" width="1.125" style="1" customWidth="1"/>
    <col min="15626" max="15626" width="2.25" style="1" customWidth="1"/>
    <col min="15627" max="15632" width="1.875" style="1" customWidth="1"/>
    <col min="15633" max="15633" width="36.625" style="1" customWidth="1"/>
    <col min="15634" max="15634" width="33.625" style="1" customWidth="1"/>
    <col min="15635" max="15635" width="1.125" style="1" customWidth="1"/>
    <col min="15636" max="15636" width="3.625" style="1" customWidth="1"/>
    <col min="15637" max="15871" width="8.875" style="1"/>
    <col min="15872" max="15872" width="3.625" style="1" customWidth="1"/>
    <col min="15873" max="15878" width="1.875" style="1" customWidth="1"/>
    <col min="15879" max="15879" width="36.625" style="1" customWidth="1"/>
    <col min="15880" max="15880" width="33.625" style="1" customWidth="1"/>
    <col min="15881" max="15881" width="1.125" style="1" customWidth="1"/>
    <col min="15882" max="15882" width="2.25" style="1" customWidth="1"/>
    <col min="15883" max="15888" width="1.875" style="1" customWidth="1"/>
    <col min="15889" max="15889" width="36.625" style="1" customWidth="1"/>
    <col min="15890" max="15890" width="33.625" style="1" customWidth="1"/>
    <col min="15891" max="15891" width="1.125" style="1" customWidth="1"/>
    <col min="15892" max="15892" width="3.625" style="1" customWidth="1"/>
    <col min="15893" max="16127" width="8.875" style="1"/>
    <col min="16128" max="16128" width="3.625" style="1" customWidth="1"/>
    <col min="16129" max="16134" width="1.875" style="1" customWidth="1"/>
    <col min="16135" max="16135" width="36.625" style="1" customWidth="1"/>
    <col min="16136" max="16136" width="33.625" style="1" customWidth="1"/>
    <col min="16137" max="16137" width="1.125" style="1" customWidth="1"/>
    <col min="16138" max="16138" width="2.25" style="1" customWidth="1"/>
    <col min="16139" max="16144" width="1.875" style="1" customWidth="1"/>
    <col min="16145" max="16145" width="36.625" style="1" customWidth="1"/>
    <col min="16146" max="16146" width="33.625" style="1" customWidth="1"/>
    <col min="16147" max="16147" width="1.125" style="1" customWidth="1"/>
    <col min="16148" max="16148" width="3.625" style="1" customWidth="1"/>
    <col min="16149" max="16384" width="8.875" style="1"/>
  </cols>
  <sheetData>
    <row r="1" spans="1:20" ht="22.5" customHeight="1" x14ac:dyDescent="0.15">
      <c r="A1" s="279" t="s">
        <v>534</v>
      </c>
      <c r="B1" s="279"/>
      <c r="C1" s="279"/>
      <c r="D1" s="279"/>
      <c r="E1" s="279"/>
      <c r="F1" s="279"/>
      <c r="G1" s="279"/>
      <c r="H1" s="166"/>
      <c r="I1" s="166"/>
      <c r="J1" s="166"/>
      <c r="K1" s="166"/>
      <c r="L1" s="166"/>
      <c r="M1" s="166"/>
      <c r="N1" s="166"/>
      <c r="O1" s="166"/>
      <c r="P1" s="166"/>
      <c r="Q1" s="166"/>
      <c r="R1" s="166"/>
      <c r="S1" s="166"/>
    </row>
    <row r="2" spans="1:20" s="2" customFormat="1" ht="22.5" customHeight="1" x14ac:dyDescent="0.15">
      <c r="A2" s="158"/>
    </row>
    <row r="3" spans="1:20" ht="22.5" customHeight="1" x14ac:dyDescent="0.15">
      <c r="A3" s="2"/>
      <c r="B3" s="2"/>
      <c r="C3" s="2"/>
      <c r="D3" s="2"/>
      <c r="E3" s="2"/>
      <c r="F3" s="2"/>
      <c r="G3" s="2"/>
      <c r="H3" s="2"/>
      <c r="I3" s="2"/>
      <c r="J3" s="2"/>
      <c r="K3" s="2"/>
      <c r="L3" s="2"/>
      <c r="M3" s="2"/>
      <c r="N3" s="2"/>
      <c r="O3" s="2"/>
      <c r="P3" s="2"/>
      <c r="Q3" s="2"/>
      <c r="R3" s="2"/>
      <c r="S3" s="2"/>
      <c r="T3" s="2"/>
    </row>
    <row r="4" spans="1:20" ht="22.5" customHeight="1" x14ac:dyDescent="0.2">
      <c r="A4" s="2"/>
      <c r="B4" s="33"/>
      <c r="C4" s="33"/>
      <c r="D4" s="33"/>
      <c r="E4" s="33"/>
      <c r="F4" s="33"/>
      <c r="G4" s="33"/>
      <c r="H4" s="33"/>
      <c r="I4" s="33"/>
      <c r="J4" s="33"/>
      <c r="K4" s="33"/>
      <c r="L4" s="33"/>
      <c r="M4" s="33"/>
      <c r="N4" s="33"/>
      <c r="O4" s="33"/>
      <c r="P4" s="33"/>
      <c r="Q4" s="33"/>
      <c r="R4" s="33"/>
      <c r="S4" s="33"/>
      <c r="T4" s="2"/>
    </row>
    <row r="5" spans="1:20" ht="28.5" x14ac:dyDescent="0.3">
      <c r="A5" s="277" t="s">
        <v>353</v>
      </c>
      <c r="B5" s="277"/>
      <c r="C5" s="277"/>
      <c r="D5" s="277"/>
      <c r="E5" s="277"/>
      <c r="F5" s="277"/>
      <c r="G5" s="277"/>
      <c r="H5" s="277"/>
      <c r="I5" s="277"/>
      <c r="J5" s="277"/>
      <c r="K5" s="277"/>
      <c r="L5" s="277"/>
      <c r="M5" s="277"/>
      <c r="N5" s="277"/>
      <c r="O5" s="277"/>
      <c r="P5" s="277"/>
      <c r="Q5" s="277"/>
      <c r="R5" s="277"/>
      <c r="S5" s="277"/>
      <c r="T5" s="2"/>
    </row>
    <row r="6" spans="1:20" ht="22.5" customHeight="1" x14ac:dyDescent="0.15">
      <c r="A6" s="278" t="s">
        <v>413</v>
      </c>
      <c r="B6" s="278"/>
      <c r="C6" s="278"/>
      <c r="D6" s="278"/>
      <c r="E6" s="278"/>
      <c r="F6" s="278"/>
      <c r="G6" s="278"/>
      <c r="H6" s="278"/>
      <c r="I6" s="278"/>
      <c r="J6" s="278"/>
      <c r="K6" s="278"/>
      <c r="L6" s="278"/>
      <c r="M6" s="278"/>
      <c r="N6" s="278"/>
      <c r="O6" s="278"/>
      <c r="P6" s="278"/>
      <c r="Q6" s="278"/>
      <c r="R6" s="278"/>
      <c r="S6" s="278"/>
      <c r="T6" s="2"/>
    </row>
    <row r="7" spans="1:20" ht="18.75" customHeight="1" x14ac:dyDescent="0.15">
      <c r="A7" s="34"/>
      <c r="B7" s="34"/>
      <c r="C7" s="34"/>
      <c r="D7" s="34"/>
      <c r="E7" s="34"/>
      <c r="F7" s="34"/>
      <c r="G7" s="34"/>
      <c r="H7" s="34"/>
      <c r="I7" s="34"/>
      <c r="J7" s="34"/>
      <c r="K7" s="280"/>
      <c r="L7" s="280"/>
      <c r="M7" s="280"/>
      <c r="N7" s="185"/>
      <c r="O7" s="185"/>
      <c r="P7" s="185"/>
      <c r="Q7" s="35"/>
      <c r="R7" s="34"/>
      <c r="S7" s="34"/>
      <c r="T7" s="2"/>
    </row>
    <row r="8" spans="1:20" ht="22.5" customHeight="1" x14ac:dyDescent="0.15">
      <c r="A8" s="269"/>
      <c r="B8" s="269"/>
      <c r="C8" s="269"/>
      <c r="D8" s="36"/>
      <c r="E8" s="36"/>
      <c r="F8" s="36"/>
      <c r="G8" s="2"/>
      <c r="H8" s="6"/>
      <c r="I8" s="6" t="s">
        <v>202</v>
      </c>
      <c r="J8" s="2"/>
      <c r="K8" s="37"/>
      <c r="L8" s="37"/>
      <c r="M8" s="37"/>
      <c r="N8" s="37"/>
      <c r="O8" s="37"/>
      <c r="P8" s="37"/>
      <c r="Q8" s="37"/>
      <c r="R8" s="6"/>
      <c r="S8" s="6"/>
      <c r="T8" s="2"/>
    </row>
    <row r="9" spans="1:20" ht="22.5" customHeight="1" x14ac:dyDescent="0.15">
      <c r="A9" s="20" t="s">
        <v>117</v>
      </c>
      <c r="B9" s="8"/>
      <c r="C9" s="8"/>
      <c r="D9" s="8"/>
      <c r="E9" s="8"/>
      <c r="F9" s="8"/>
      <c r="G9" s="9"/>
      <c r="H9" s="10"/>
      <c r="I9" s="12"/>
      <c r="J9" s="13"/>
      <c r="K9" s="20"/>
      <c r="L9" s="8" t="s">
        <v>156</v>
      </c>
      <c r="M9" s="8"/>
      <c r="N9" s="8"/>
      <c r="O9" s="8"/>
      <c r="P9" s="8"/>
      <c r="Q9" s="8"/>
      <c r="R9" s="10">
        <v>150440715835</v>
      </c>
      <c r="S9" s="12"/>
      <c r="T9" s="2"/>
    </row>
    <row r="10" spans="1:20" ht="22.5" customHeight="1" x14ac:dyDescent="0.15">
      <c r="A10" s="21"/>
      <c r="B10" s="13" t="s">
        <v>118</v>
      </c>
      <c r="C10" s="13"/>
      <c r="D10" s="13"/>
      <c r="E10" s="13"/>
      <c r="F10" s="13"/>
      <c r="G10" s="13"/>
      <c r="H10" s="14">
        <v>6744197948</v>
      </c>
      <c r="I10" s="54"/>
      <c r="J10" s="13"/>
      <c r="K10" s="21"/>
      <c r="L10" s="13"/>
      <c r="M10" s="13" t="s">
        <v>157</v>
      </c>
      <c r="N10" s="13"/>
      <c r="O10" s="13"/>
      <c r="P10" s="13"/>
      <c r="Q10" s="13"/>
      <c r="R10" s="14">
        <v>0</v>
      </c>
      <c r="S10" s="54"/>
      <c r="T10" s="2"/>
    </row>
    <row r="11" spans="1:20" ht="22.5" customHeight="1" x14ac:dyDescent="0.15">
      <c r="A11" s="21"/>
      <c r="B11" s="13"/>
      <c r="C11" s="13" t="s">
        <v>119</v>
      </c>
      <c r="D11" s="13"/>
      <c r="E11" s="13"/>
      <c r="F11" s="13"/>
      <c r="G11" s="13"/>
      <c r="H11" s="14">
        <v>0</v>
      </c>
      <c r="I11" s="54"/>
      <c r="J11" s="13"/>
      <c r="K11" s="21"/>
      <c r="L11" s="13"/>
      <c r="M11" s="13" t="s">
        <v>158</v>
      </c>
      <c r="N11" s="13"/>
      <c r="O11" s="13"/>
      <c r="P11" s="13"/>
      <c r="Q11" s="13"/>
      <c r="R11" s="14">
        <v>150440715835</v>
      </c>
      <c r="S11" s="54"/>
      <c r="T11" s="2"/>
    </row>
    <row r="12" spans="1:20" ht="22.5" customHeight="1" x14ac:dyDescent="0.15">
      <c r="A12" s="21"/>
      <c r="B12" s="13"/>
      <c r="C12" s="13" t="s">
        <v>120</v>
      </c>
      <c r="D12" s="13"/>
      <c r="E12" s="13"/>
      <c r="F12" s="13"/>
      <c r="G12" s="13"/>
      <c r="H12" s="14">
        <v>0</v>
      </c>
      <c r="I12" s="54"/>
      <c r="J12" s="13"/>
      <c r="K12" s="21"/>
      <c r="L12" s="13"/>
      <c r="M12" s="13"/>
      <c r="N12" s="13" t="s">
        <v>159</v>
      </c>
      <c r="O12" s="13"/>
      <c r="P12" s="13"/>
      <c r="Q12" s="13"/>
      <c r="R12" s="14">
        <v>0</v>
      </c>
      <c r="S12" s="54"/>
      <c r="T12" s="2"/>
    </row>
    <row r="13" spans="1:20" ht="22.5" customHeight="1" x14ac:dyDescent="0.15">
      <c r="A13" s="21"/>
      <c r="B13" s="13"/>
      <c r="C13" s="13" t="s">
        <v>121</v>
      </c>
      <c r="D13" s="13"/>
      <c r="E13" s="13"/>
      <c r="F13" s="13"/>
      <c r="G13" s="13"/>
      <c r="H13" s="14">
        <v>0</v>
      </c>
      <c r="I13" s="54"/>
      <c r="J13" s="13"/>
      <c r="K13" s="21"/>
      <c r="L13" s="13"/>
      <c r="M13" s="13"/>
      <c r="N13" s="13" t="s">
        <v>160</v>
      </c>
      <c r="O13" s="13"/>
      <c r="P13" s="13"/>
      <c r="Q13" s="13"/>
      <c r="R13" s="14">
        <v>150440715835</v>
      </c>
      <c r="S13" s="54"/>
      <c r="T13" s="2"/>
    </row>
    <row r="14" spans="1:20" ht="22.5" customHeight="1" x14ac:dyDescent="0.15">
      <c r="A14" s="21"/>
      <c r="B14" s="13"/>
      <c r="C14" s="13" t="s">
        <v>122</v>
      </c>
      <c r="D14" s="13"/>
      <c r="E14" s="13"/>
      <c r="F14" s="13"/>
      <c r="G14" s="13"/>
      <c r="H14" s="14">
        <v>0</v>
      </c>
      <c r="I14" s="54"/>
      <c r="J14" s="13"/>
      <c r="K14" s="21"/>
      <c r="L14" s="13"/>
      <c r="M14" s="13" t="s">
        <v>161</v>
      </c>
      <c r="N14" s="13"/>
      <c r="O14" s="13"/>
      <c r="P14" s="13"/>
      <c r="Q14" s="13"/>
      <c r="R14" s="14">
        <v>0</v>
      </c>
      <c r="S14" s="54"/>
      <c r="T14" s="2"/>
    </row>
    <row r="15" spans="1:20" ht="22.5" customHeight="1" x14ac:dyDescent="0.15">
      <c r="A15" s="21"/>
      <c r="B15" s="13"/>
      <c r="C15" s="13" t="s">
        <v>123</v>
      </c>
      <c r="D15" s="13"/>
      <c r="E15" s="13"/>
      <c r="F15" s="13"/>
      <c r="G15" s="13"/>
      <c r="H15" s="14">
        <v>0</v>
      </c>
      <c r="I15" s="54"/>
      <c r="J15" s="13"/>
      <c r="K15" s="21"/>
      <c r="L15" s="13"/>
      <c r="M15" s="13" t="s">
        <v>162</v>
      </c>
      <c r="N15" s="13"/>
      <c r="O15" s="13"/>
      <c r="P15" s="13"/>
      <c r="Q15" s="13"/>
      <c r="R15" s="14">
        <v>0</v>
      </c>
      <c r="S15" s="54"/>
      <c r="T15" s="2"/>
    </row>
    <row r="16" spans="1:20" ht="22.5" customHeight="1" x14ac:dyDescent="0.15">
      <c r="A16" s="21"/>
      <c r="B16" s="13"/>
      <c r="C16" s="13" t="s">
        <v>124</v>
      </c>
      <c r="D16" s="13"/>
      <c r="E16" s="13"/>
      <c r="F16" s="13"/>
      <c r="G16" s="13"/>
      <c r="H16" s="14">
        <v>0</v>
      </c>
      <c r="I16" s="54"/>
      <c r="J16" s="13"/>
      <c r="K16" s="21"/>
      <c r="L16" s="13"/>
      <c r="M16" s="13" t="s">
        <v>141</v>
      </c>
      <c r="N16" s="13"/>
      <c r="O16" s="13"/>
      <c r="P16" s="13"/>
      <c r="Q16" s="13"/>
      <c r="R16" s="14">
        <v>0</v>
      </c>
      <c r="S16" s="54"/>
      <c r="T16" s="2"/>
    </row>
    <row r="17" spans="1:20" ht="22.5" customHeight="1" x14ac:dyDescent="0.15">
      <c r="A17" s="21"/>
      <c r="B17" s="13"/>
      <c r="C17" s="13" t="s">
        <v>125</v>
      </c>
      <c r="D17" s="13"/>
      <c r="E17" s="13"/>
      <c r="F17" s="13"/>
      <c r="G17" s="13"/>
      <c r="H17" s="14">
        <v>0</v>
      </c>
      <c r="I17" s="54"/>
      <c r="J17" s="13"/>
      <c r="K17" s="21"/>
      <c r="L17" s="13"/>
      <c r="M17" s="13"/>
      <c r="N17" s="13" t="s">
        <v>142</v>
      </c>
      <c r="O17" s="13"/>
      <c r="P17" s="13"/>
      <c r="Q17" s="13"/>
      <c r="R17" s="14">
        <v>0</v>
      </c>
      <c r="S17" s="54"/>
      <c r="T17" s="2"/>
    </row>
    <row r="18" spans="1:20" ht="22.5" customHeight="1" x14ac:dyDescent="0.15">
      <c r="A18" s="21"/>
      <c r="B18" s="13"/>
      <c r="C18" s="13" t="s">
        <v>126</v>
      </c>
      <c r="D18" s="13"/>
      <c r="E18" s="13"/>
      <c r="F18" s="13"/>
      <c r="G18" s="13"/>
      <c r="H18" s="14">
        <v>0</v>
      </c>
      <c r="I18" s="54"/>
      <c r="J18" s="13"/>
      <c r="K18" s="21"/>
      <c r="L18" s="13"/>
      <c r="M18" s="13"/>
      <c r="N18" s="13" t="s">
        <v>143</v>
      </c>
      <c r="O18" s="13"/>
      <c r="P18" s="13"/>
      <c r="Q18" s="13"/>
      <c r="R18" s="14">
        <v>0</v>
      </c>
      <c r="S18" s="54"/>
      <c r="T18" s="2"/>
    </row>
    <row r="19" spans="1:20" ht="22.5" customHeight="1" x14ac:dyDescent="0.15">
      <c r="A19" s="21"/>
      <c r="B19" s="13"/>
      <c r="C19" s="13" t="s">
        <v>127</v>
      </c>
      <c r="D19" s="13"/>
      <c r="E19" s="13"/>
      <c r="F19" s="13"/>
      <c r="G19" s="13"/>
      <c r="H19" s="14">
        <v>0</v>
      </c>
      <c r="I19" s="54"/>
      <c r="J19" s="13"/>
      <c r="K19" s="21"/>
      <c r="L19" s="13"/>
      <c r="M19" s="13"/>
      <c r="N19" s="13" t="s">
        <v>144</v>
      </c>
      <c r="O19" s="13"/>
      <c r="P19" s="13"/>
      <c r="Q19" s="13"/>
      <c r="R19" s="14">
        <v>0</v>
      </c>
      <c r="S19" s="54"/>
      <c r="T19" s="2"/>
    </row>
    <row r="20" spans="1:20" ht="22.5" customHeight="1" x14ac:dyDescent="0.15">
      <c r="A20" s="21"/>
      <c r="B20" s="13"/>
      <c r="C20" s="13" t="s">
        <v>128</v>
      </c>
      <c r="D20" s="13"/>
      <c r="E20" s="13"/>
      <c r="F20" s="13"/>
      <c r="G20" s="13"/>
      <c r="H20" s="14">
        <v>6106464673</v>
      </c>
      <c r="I20" s="54"/>
      <c r="J20" s="13"/>
      <c r="K20" s="21"/>
      <c r="L20" s="13"/>
      <c r="M20" s="13" t="s">
        <v>163</v>
      </c>
      <c r="N20" s="13"/>
      <c r="O20" s="13"/>
      <c r="P20" s="13"/>
      <c r="Q20" s="13"/>
      <c r="R20" s="14">
        <v>0</v>
      </c>
      <c r="S20" s="54"/>
      <c r="T20" s="2"/>
    </row>
    <row r="21" spans="1:20" ht="22.5" customHeight="1" x14ac:dyDescent="0.15">
      <c r="A21" s="21"/>
      <c r="B21" s="13"/>
      <c r="C21" s="13"/>
      <c r="D21" s="13" t="s">
        <v>129</v>
      </c>
      <c r="E21" s="13"/>
      <c r="F21" s="13"/>
      <c r="G21" s="13"/>
      <c r="H21" s="14">
        <v>5911316551</v>
      </c>
      <c r="I21" s="54"/>
      <c r="J21" s="13"/>
      <c r="K21" s="45" t="s">
        <v>164</v>
      </c>
      <c r="L21" s="47"/>
      <c r="M21" s="47"/>
      <c r="N21" s="47"/>
      <c r="O21" s="47"/>
      <c r="P21" s="47"/>
      <c r="Q21" s="47"/>
      <c r="R21" s="48">
        <v>9867511696</v>
      </c>
      <c r="S21" s="52"/>
      <c r="T21" s="2"/>
    </row>
    <row r="22" spans="1:20" ht="22.5" customHeight="1" x14ac:dyDescent="0.15">
      <c r="A22" s="21"/>
      <c r="B22" s="13"/>
      <c r="C22" s="13"/>
      <c r="D22" s="13" t="s">
        <v>130</v>
      </c>
      <c r="E22" s="13"/>
      <c r="F22" s="13"/>
      <c r="G22" s="13"/>
      <c r="H22" s="14">
        <v>135373</v>
      </c>
      <c r="I22" s="54"/>
      <c r="J22" s="13"/>
      <c r="K22" s="68" t="s">
        <v>165</v>
      </c>
      <c r="L22" s="13"/>
      <c r="M22" s="13"/>
      <c r="N22" s="13"/>
      <c r="O22" s="13"/>
      <c r="P22" s="13"/>
      <c r="Q22" s="13"/>
      <c r="R22" s="14"/>
      <c r="S22" s="54"/>
      <c r="T22" s="2"/>
    </row>
    <row r="23" spans="1:20" ht="22.5" customHeight="1" x14ac:dyDescent="0.15">
      <c r="A23" s="21"/>
      <c r="B23" s="13"/>
      <c r="C23" s="13"/>
      <c r="D23" s="13" t="s">
        <v>131</v>
      </c>
      <c r="E23" s="13"/>
      <c r="F23" s="13"/>
      <c r="G23" s="13"/>
      <c r="H23" s="14">
        <v>195012749</v>
      </c>
      <c r="I23" s="54"/>
      <c r="J23" s="13"/>
      <c r="K23" s="21"/>
      <c r="L23" s="15" t="s">
        <v>166</v>
      </c>
      <c r="M23" s="13"/>
      <c r="N23" s="13"/>
      <c r="O23" s="13"/>
      <c r="P23" s="13"/>
      <c r="Q23" s="13"/>
      <c r="R23" s="14">
        <v>372468871692</v>
      </c>
      <c r="S23" s="54"/>
      <c r="T23" s="2"/>
    </row>
    <row r="24" spans="1:20" ht="22.5" customHeight="1" x14ac:dyDescent="0.15">
      <c r="A24" s="21"/>
      <c r="B24" s="13"/>
      <c r="C24" s="13" t="s">
        <v>82</v>
      </c>
      <c r="D24" s="13"/>
      <c r="E24" s="13"/>
      <c r="F24" s="13"/>
      <c r="G24" s="13"/>
      <c r="H24" s="14">
        <v>0</v>
      </c>
      <c r="I24" s="54"/>
      <c r="J24" s="13"/>
      <c r="K24" s="21"/>
      <c r="L24" s="13"/>
      <c r="M24" s="13" t="s">
        <v>167</v>
      </c>
      <c r="N24" s="13"/>
      <c r="O24" s="13"/>
      <c r="P24" s="13"/>
      <c r="Q24" s="13"/>
      <c r="R24" s="14">
        <v>251494739322</v>
      </c>
      <c r="S24" s="54"/>
      <c r="T24" s="2"/>
    </row>
    <row r="25" spans="1:20" ht="22.5" customHeight="1" x14ac:dyDescent="0.15">
      <c r="A25" s="21"/>
      <c r="B25" s="247"/>
      <c r="C25" s="247" t="s">
        <v>132</v>
      </c>
      <c r="D25" s="247"/>
      <c r="E25" s="247"/>
      <c r="F25" s="13"/>
      <c r="G25" s="13"/>
      <c r="H25" s="14">
        <v>637733065</v>
      </c>
      <c r="I25" s="54"/>
      <c r="J25" s="13"/>
      <c r="K25" s="21"/>
      <c r="L25" s="13"/>
      <c r="M25" s="13" t="s">
        <v>168</v>
      </c>
      <c r="N25" s="13"/>
      <c r="O25" s="13"/>
      <c r="P25" s="13"/>
      <c r="Q25" s="13"/>
      <c r="R25" s="14">
        <v>0</v>
      </c>
      <c r="S25" s="54"/>
      <c r="T25" s="2"/>
    </row>
    <row r="26" spans="1:20" ht="22.5" customHeight="1" x14ac:dyDescent="0.15">
      <c r="A26" s="21"/>
      <c r="B26" s="247"/>
      <c r="C26" s="247" t="s">
        <v>133</v>
      </c>
      <c r="D26" s="247"/>
      <c r="E26" s="247"/>
      <c r="F26" s="13"/>
      <c r="G26" s="13"/>
      <c r="H26" s="14">
        <v>210</v>
      </c>
      <c r="I26" s="54"/>
      <c r="J26" s="13"/>
      <c r="K26" s="21"/>
      <c r="L26" s="13"/>
      <c r="M26" s="13" t="s">
        <v>128</v>
      </c>
      <c r="N26" s="13"/>
      <c r="O26" s="13"/>
      <c r="P26" s="13"/>
      <c r="Q26" s="13"/>
      <c r="R26" s="14">
        <v>0</v>
      </c>
      <c r="S26" s="54"/>
      <c r="T26" s="2"/>
    </row>
    <row r="27" spans="1:20" ht="22.5" customHeight="1" x14ac:dyDescent="0.15">
      <c r="A27" s="21"/>
      <c r="B27" s="247" t="s">
        <v>134</v>
      </c>
      <c r="C27" s="247"/>
      <c r="D27" s="247"/>
      <c r="E27" s="247"/>
      <c r="F27" s="13"/>
      <c r="G27" s="13"/>
      <c r="H27" s="14">
        <v>7162523197</v>
      </c>
      <c r="I27" s="54"/>
      <c r="J27" s="13"/>
      <c r="K27" s="21"/>
      <c r="L27" s="13"/>
      <c r="M27" s="13"/>
      <c r="N27" s="13" t="s">
        <v>129</v>
      </c>
      <c r="O27" s="13"/>
      <c r="P27" s="13"/>
      <c r="Q27" s="13"/>
      <c r="R27" s="14">
        <v>0</v>
      </c>
      <c r="S27" s="54"/>
      <c r="T27" s="2"/>
    </row>
    <row r="28" spans="1:20" ht="22.5" customHeight="1" x14ac:dyDescent="0.15">
      <c r="A28" s="21"/>
      <c r="B28" s="247"/>
      <c r="C28" s="247" t="s">
        <v>135</v>
      </c>
      <c r="D28" s="247"/>
      <c r="E28" s="247"/>
      <c r="F28" s="13"/>
      <c r="G28" s="13"/>
      <c r="H28" s="14">
        <v>122557120</v>
      </c>
      <c r="I28" s="54"/>
      <c r="J28" s="13"/>
      <c r="K28" s="21"/>
      <c r="L28" s="13"/>
      <c r="M28" s="13"/>
      <c r="N28" s="13" t="s">
        <v>130</v>
      </c>
      <c r="O28" s="13"/>
      <c r="P28" s="13"/>
      <c r="Q28" s="13"/>
      <c r="R28" s="14">
        <v>0</v>
      </c>
      <c r="S28" s="54"/>
      <c r="T28" s="2"/>
    </row>
    <row r="29" spans="1:20" ht="22.5" customHeight="1" x14ac:dyDescent="0.15">
      <c r="A29" s="21"/>
      <c r="B29" s="13"/>
      <c r="C29" s="13" t="s">
        <v>136</v>
      </c>
      <c r="D29" s="13"/>
      <c r="E29" s="13"/>
      <c r="F29" s="13"/>
      <c r="G29" s="13"/>
      <c r="H29" s="14">
        <v>20049780</v>
      </c>
      <c r="I29" s="54"/>
      <c r="J29" s="13"/>
      <c r="K29" s="21"/>
      <c r="L29" s="13"/>
      <c r="M29" s="13"/>
      <c r="N29" s="13" t="s">
        <v>131</v>
      </c>
      <c r="O29" s="13"/>
      <c r="P29" s="13"/>
      <c r="Q29" s="13"/>
      <c r="R29" s="14">
        <v>0</v>
      </c>
      <c r="S29" s="54"/>
      <c r="T29" s="2"/>
    </row>
    <row r="30" spans="1:20" ht="22.5" customHeight="1" x14ac:dyDescent="0.15">
      <c r="A30" s="21"/>
      <c r="B30" s="13"/>
      <c r="C30" s="13" t="s">
        <v>137</v>
      </c>
      <c r="D30" s="13"/>
      <c r="E30" s="13"/>
      <c r="F30" s="13"/>
      <c r="G30" s="13"/>
      <c r="H30" s="14">
        <v>37800</v>
      </c>
      <c r="I30" s="54"/>
      <c r="J30" s="13"/>
      <c r="K30" s="21"/>
      <c r="L30" s="13"/>
      <c r="M30" s="13" t="s">
        <v>169</v>
      </c>
      <c r="N30" s="13"/>
      <c r="O30" s="13"/>
      <c r="P30" s="13"/>
      <c r="Q30" s="13"/>
      <c r="R30" s="14">
        <v>120974132370</v>
      </c>
      <c r="S30" s="54"/>
      <c r="T30" s="2"/>
    </row>
    <row r="31" spans="1:20" ht="22.5" customHeight="1" x14ac:dyDescent="0.15">
      <c r="A31" s="21"/>
      <c r="B31" s="13"/>
      <c r="C31" s="13" t="s">
        <v>138</v>
      </c>
      <c r="D31" s="13"/>
      <c r="E31" s="13"/>
      <c r="F31" s="13"/>
      <c r="G31" s="13"/>
      <c r="H31" s="14">
        <v>7018499787</v>
      </c>
      <c r="I31" s="54"/>
      <c r="J31" s="13"/>
      <c r="K31" s="21"/>
      <c r="L31" s="13" t="s">
        <v>170</v>
      </c>
      <c r="M31" s="13"/>
      <c r="N31" s="13"/>
      <c r="O31" s="13"/>
      <c r="P31" s="13"/>
      <c r="Q31" s="13"/>
      <c r="R31" s="14">
        <v>381918058139</v>
      </c>
      <c r="S31" s="54"/>
      <c r="T31" s="2"/>
    </row>
    <row r="32" spans="1:20" ht="22.5" customHeight="1" x14ac:dyDescent="0.15">
      <c r="A32" s="21"/>
      <c r="B32" s="13"/>
      <c r="C32" s="13" t="s">
        <v>139</v>
      </c>
      <c r="D32" s="13"/>
      <c r="E32" s="13"/>
      <c r="F32" s="13"/>
      <c r="G32" s="13"/>
      <c r="H32" s="14">
        <v>0</v>
      </c>
      <c r="I32" s="54"/>
      <c r="J32" s="13"/>
      <c r="K32" s="21"/>
      <c r="L32" s="13"/>
      <c r="M32" s="13" t="s">
        <v>171</v>
      </c>
      <c r="N32" s="13"/>
      <c r="O32" s="13"/>
      <c r="P32" s="13"/>
      <c r="Q32" s="13"/>
      <c r="R32" s="14">
        <v>261598169007</v>
      </c>
      <c r="S32" s="54"/>
      <c r="T32" s="2"/>
    </row>
    <row r="33" spans="1:20" ht="22.5" customHeight="1" x14ac:dyDescent="0.15">
      <c r="A33" s="21"/>
      <c r="B33" s="13"/>
      <c r="C33" s="13" t="s">
        <v>140</v>
      </c>
      <c r="D33" s="13"/>
      <c r="E33" s="13"/>
      <c r="F33" s="13"/>
      <c r="G33" s="13"/>
      <c r="H33" s="14">
        <v>1378710</v>
      </c>
      <c r="I33" s="54"/>
      <c r="J33" s="13"/>
      <c r="K33" s="21"/>
      <c r="L33" s="13"/>
      <c r="M33" s="13" t="s">
        <v>172</v>
      </c>
      <c r="N33" s="13"/>
      <c r="O33" s="13"/>
      <c r="P33" s="13"/>
      <c r="Q33" s="13"/>
      <c r="R33" s="14">
        <v>0</v>
      </c>
      <c r="S33" s="54"/>
      <c r="T33" s="2"/>
    </row>
    <row r="34" spans="1:20" ht="22.5" customHeight="1" x14ac:dyDescent="0.15">
      <c r="A34" s="21"/>
      <c r="B34" s="13"/>
      <c r="C34" s="13" t="s">
        <v>141</v>
      </c>
      <c r="D34" s="13"/>
      <c r="E34" s="13"/>
      <c r="F34" s="13"/>
      <c r="G34" s="13"/>
      <c r="H34" s="14">
        <v>0</v>
      </c>
      <c r="I34" s="54"/>
      <c r="J34" s="13"/>
      <c r="K34" s="21"/>
      <c r="L34" s="13"/>
      <c r="M34" s="13" t="s">
        <v>173</v>
      </c>
      <c r="N34" s="13"/>
      <c r="O34" s="13"/>
      <c r="P34" s="13"/>
      <c r="Q34" s="13"/>
      <c r="R34" s="14">
        <v>0</v>
      </c>
      <c r="S34" s="54"/>
      <c r="T34" s="2"/>
    </row>
    <row r="35" spans="1:20" ht="22.5" customHeight="1" x14ac:dyDescent="0.15">
      <c r="A35" s="21"/>
      <c r="B35" s="13"/>
      <c r="C35" s="13"/>
      <c r="D35" s="13" t="s">
        <v>142</v>
      </c>
      <c r="E35" s="13"/>
      <c r="F35" s="13"/>
      <c r="G35" s="13"/>
      <c r="H35" s="14">
        <v>0</v>
      </c>
      <c r="I35" s="54"/>
      <c r="J35" s="13"/>
      <c r="K35" s="21"/>
      <c r="L35" s="13"/>
      <c r="M35" s="13" t="s">
        <v>141</v>
      </c>
      <c r="N35" s="13"/>
      <c r="O35" s="13"/>
      <c r="P35" s="13"/>
      <c r="Q35" s="13"/>
      <c r="R35" s="14">
        <v>0</v>
      </c>
      <c r="S35" s="54"/>
      <c r="T35" s="2"/>
    </row>
    <row r="36" spans="1:20" ht="22.5" customHeight="1" x14ac:dyDescent="0.15">
      <c r="A36" s="21"/>
      <c r="B36" s="13"/>
      <c r="C36" s="13"/>
      <c r="D36" s="13" t="s">
        <v>143</v>
      </c>
      <c r="E36" s="13"/>
      <c r="F36" s="13"/>
      <c r="G36" s="13"/>
      <c r="H36" s="14">
        <v>0</v>
      </c>
      <c r="I36" s="54"/>
      <c r="J36" s="13"/>
      <c r="K36" s="21"/>
      <c r="L36" s="13"/>
      <c r="M36" s="13"/>
      <c r="N36" s="13" t="s">
        <v>142</v>
      </c>
      <c r="O36" s="13"/>
      <c r="P36" s="13"/>
      <c r="Q36" s="13"/>
      <c r="R36" s="14">
        <v>0</v>
      </c>
      <c r="S36" s="54"/>
      <c r="T36" s="2"/>
    </row>
    <row r="37" spans="1:20" ht="22.5" customHeight="1" x14ac:dyDescent="0.15">
      <c r="A37" s="21"/>
      <c r="B37" s="13"/>
      <c r="C37" s="13"/>
      <c r="D37" s="13" t="s">
        <v>144</v>
      </c>
      <c r="E37" s="13"/>
      <c r="F37" s="13"/>
      <c r="G37" s="13"/>
      <c r="H37" s="14">
        <v>0</v>
      </c>
      <c r="I37" s="54"/>
      <c r="J37" s="13"/>
      <c r="K37" s="21"/>
      <c r="L37" s="13"/>
      <c r="M37" s="13"/>
      <c r="N37" s="13" t="s">
        <v>143</v>
      </c>
      <c r="O37" s="13"/>
      <c r="P37" s="13"/>
      <c r="Q37" s="13"/>
      <c r="R37" s="14">
        <v>0</v>
      </c>
      <c r="S37" s="54"/>
      <c r="T37" s="2"/>
    </row>
    <row r="38" spans="1:20" ht="22.5" customHeight="1" x14ac:dyDescent="0.15">
      <c r="A38" s="21"/>
      <c r="B38" s="13"/>
      <c r="C38" s="13" t="s">
        <v>145</v>
      </c>
      <c r="D38" s="13"/>
      <c r="E38" s="13"/>
      <c r="F38" s="13"/>
      <c r="G38" s="13"/>
      <c r="H38" s="14">
        <v>0</v>
      </c>
      <c r="I38" s="54"/>
      <c r="J38" s="13"/>
      <c r="K38" s="21"/>
      <c r="L38" s="13"/>
      <c r="M38" s="13"/>
      <c r="N38" s="13" t="s">
        <v>144</v>
      </c>
      <c r="O38" s="13"/>
      <c r="P38" s="13"/>
      <c r="Q38" s="13"/>
      <c r="R38" s="14">
        <v>0</v>
      </c>
      <c r="S38" s="54"/>
      <c r="T38" s="2"/>
    </row>
    <row r="39" spans="1:20" ht="22.5" customHeight="1" x14ac:dyDescent="0.15">
      <c r="A39" s="45" t="s">
        <v>146</v>
      </c>
      <c r="B39" s="47"/>
      <c r="C39" s="47"/>
      <c r="D39" s="47"/>
      <c r="E39" s="47"/>
      <c r="F39" s="47"/>
      <c r="G39" s="47"/>
      <c r="H39" s="48">
        <v>-418325249</v>
      </c>
      <c r="I39" s="52"/>
      <c r="J39" s="13"/>
      <c r="K39" s="21"/>
      <c r="L39" s="13"/>
      <c r="M39" s="13" t="s">
        <v>174</v>
      </c>
      <c r="N39" s="13"/>
      <c r="O39" s="13"/>
      <c r="P39" s="13"/>
      <c r="Q39" s="13"/>
      <c r="R39" s="14">
        <v>120319889132</v>
      </c>
      <c r="S39" s="54"/>
      <c r="T39" s="2"/>
    </row>
    <row r="40" spans="1:20" ht="22.5" customHeight="1" x14ac:dyDescent="0.15">
      <c r="A40" s="21" t="s">
        <v>147</v>
      </c>
      <c r="B40" s="13"/>
      <c r="C40" s="13"/>
      <c r="D40" s="13"/>
      <c r="E40" s="13"/>
      <c r="F40" s="13"/>
      <c r="G40" s="13"/>
      <c r="H40" s="14"/>
      <c r="I40" s="54"/>
      <c r="J40" s="13"/>
      <c r="K40" s="45" t="s">
        <v>175</v>
      </c>
      <c r="L40" s="47"/>
      <c r="M40" s="47"/>
      <c r="N40" s="47"/>
      <c r="O40" s="47"/>
      <c r="P40" s="47"/>
      <c r="Q40" s="47"/>
      <c r="R40" s="48">
        <v>-9449186447</v>
      </c>
      <c r="S40" s="52"/>
      <c r="T40" s="2"/>
    </row>
    <row r="41" spans="1:20" ht="22.5" customHeight="1" x14ac:dyDescent="0.15">
      <c r="A41" s="21"/>
      <c r="B41" s="13" t="s">
        <v>148</v>
      </c>
      <c r="C41" s="13"/>
      <c r="D41" s="13"/>
      <c r="E41" s="13"/>
      <c r="F41" s="13"/>
      <c r="G41" s="13"/>
      <c r="H41" s="14">
        <v>160308227531</v>
      </c>
      <c r="I41" s="54"/>
      <c r="J41" s="13"/>
      <c r="K41" s="45" t="s">
        <v>176</v>
      </c>
      <c r="L41" s="47"/>
      <c r="M41" s="47"/>
      <c r="N41" s="47"/>
      <c r="O41" s="47"/>
      <c r="P41" s="47"/>
      <c r="Q41" s="47"/>
      <c r="R41" s="48">
        <v>0</v>
      </c>
      <c r="S41" s="52"/>
      <c r="T41" s="2"/>
    </row>
    <row r="42" spans="1:20" ht="22.5" customHeight="1" x14ac:dyDescent="0.15">
      <c r="A42" s="21"/>
      <c r="B42" s="13"/>
      <c r="C42" s="13" t="s">
        <v>149</v>
      </c>
      <c r="D42" s="13"/>
      <c r="E42" s="13"/>
      <c r="F42" s="13"/>
      <c r="G42" s="13"/>
      <c r="H42" s="14">
        <v>0</v>
      </c>
      <c r="I42" s="54"/>
      <c r="J42" s="13"/>
      <c r="K42" s="45" t="s">
        <v>177</v>
      </c>
      <c r="L42" s="47"/>
      <c r="M42" s="47"/>
      <c r="N42" s="47"/>
      <c r="O42" s="47"/>
      <c r="P42" s="47"/>
      <c r="Q42" s="47"/>
      <c r="R42" s="48">
        <v>0</v>
      </c>
      <c r="S42" s="52"/>
      <c r="T42" s="2"/>
    </row>
    <row r="43" spans="1:20" ht="22.5" customHeight="1" x14ac:dyDescent="0.15">
      <c r="A43" s="21"/>
      <c r="B43" s="13"/>
      <c r="C43" s="13" t="s">
        <v>150</v>
      </c>
      <c r="D43" s="13"/>
      <c r="E43" s="13"/>
      <c r="F43" s="13"/>
      <c r="G43" s="13"/>
      <c r="H43" s="14">
        <v>160308005531</v>
      </c>
      <c r="I43" s="54"/>
      <c r="J43" s="13"/>
      <c r="K43" s="45" t="s">
        <v>178</v>
      </c>
      <c r="L43" s="47"/>
      <c r="M43" s="47"/>
      <c r="N43" s="47"/>
      <c r="O43" s="47"/>
      <c r="P43" s="47"/>
      <c r="Q43" s="47"/>
      <c r="R43" s="48">
        <v>0</v>
      </c>
      <c r="S43" s="52"/>
      <c r="T43" s="2"/>
    </row>
    <row r="44" spans="1:20" ht="22.5" customHeight="1" x14ac:dyDescent="0.15">
      <c r="A44" s="21"/>
      <c r="B44" s="13"/>
      <c r="C44" s="13"/>
      <c r="D44" s="13" t="s">
        <v>151</v>
      </c>
      <c r="E44" s="13"/>
      <c r="F44" s="13"/>
      <c r="G44" s="13"/>
      <c r="H44" s="14">
        <v>0</v>
      </c>
      <c r="I44" s="54"/>
      <c r="J44" s="13"/>
      <c r="K44"/>
      <c r="L44"/>
      <c r="M44"/>
      <c r="N44"/>
      <c r="O44"/>
      <c r="P44"/>
      <c r="Q44"/>
      <c r="R44"/>
      <c r="S44"/>
      <c r="T44" s="2"/>
    </row>
    <row r="45" spans="1:20" ht="22.5" customHeight="1" x14ac:dyDescent="0.15">
      <c r="A45" s="21"/>
      <c r="B45" s="13"/>
      <c r="C45" s="13"/>
      <c r="D45" s="13" t="s">
        <v>152</v>
      </c>
      <c r="E45" s="13"/>
      <c r="F45" s="13"/>
      <c r="G45" s="13"/>
      <c r="H45" s="14">
        <v>160308005531</v>
      </c>
      <c r="I45" s="54"/>
      <c r="J45" s="13"/>
      <c r="K45" s="13"/>
      <c r="L45" s="13"/>
      <c r="M45" s="13"/>
      <c r="N45" s="13"/>
      <c r="O45" s="13"/>
      <c r="P45" s="13"/>
      <c r="Q45" s="13"/>
      <c r="R45" s="14"/>
      <c r="S45" s="14"/>
      <c r="T45" s="2"/>
    </row>
    <row r="46" spans="1:20" ht="22.5" customHeight="1" x14ac:dyDescent="0.15">
      <c r="A46" s="21"/>
      <c r="B46" s="13"/>
      <c r="C46" s="13" t="s">
        <v>153</v>
      </c>
      <c r="D46" s="13"/>
      <c r="E46" s="13"/>
      <c r="F46" s="13"/>
      <c r="G46" s="13"/>
      <c r="H46" s="14">
        <v>0</v>
      </c>
      <c r="I46" s="54"/>
      <c r="J46" s="13"/>
      <c r="K46" s="13"/>
      <c r="L46" s="13"/>
      <c r="M46" s="13"/>
      <c r="N46" s="13"/>
      <c r="O46" s="13"/>
      <c r="P46" s="13"/>
      <c r="Q46" s="13"/>
      <c r="R46" s="14"/>
      <c r="S46" s="14"/>
      <c r="T46" s="2"/>
    </row>
    <row r="47" spans="1:20" ht="22.5" customHeight="1" x14ac:dyDescent="0.15">
      <c r="A47" s="21"/>
      <c r="B47" s="13"/>
      <c r="C47" s="13" t="s">
        <v>128</v>
      </c>
      <c r="D47" s="13"/>
      <c r="E47" s="13"/>
      <c r="F47" s="13"/>
      <c r="G47" s="13"/>
      <c r="H47" s="14">
        <v>0</v>
      </c>
      <c r="I47" s="54"/>
      <c r="J47" s="13"/>
      <c r="K47" s="13"/>
      <c r="L47" s="13"/>
      <c r="M47" s="13"/>
      <c r="N47" s="13"/>
      <c r="O47" s="13"/>
      <c r="P47" s="13"/>
      <c r="Q47" s="13"/>
      <c r="R47" s="14"/>
      <c r="S47" s="14"/>
      <c r="T47" s="2"/>
    </row>
    <row r="48" spans="1:20" ht="22.5" customHeight="1" x14ac:dyDescent="0.15">
      <c r="A48" s="21"/>
      <c r="B48" s="13"/>
      <c r="C48" s="13"/>
      <c r="D48" s="13" t="s">
        <v>129</v>
      </c>
      <c r="E48" s="13"/>
      <c r="F48" s="13"/>
      <c r="G48" s="13"/>
      <c r="H48" s="14">
        <v>0</v>
      </c>
      <c r="I48" s="54"/>
      <c r="J48" s="13"/>
      <c r="K48" s="13"/>
      <c r="L48" s="13"/>
      <c r="M48" s="13"/>
      <c r="N48" s="13"/>
      <c r="O48" s="13"/>
      <c r="P48" s="13"/>
      <c r="Q48" s="13"/>
      <c r="R48" s="14"/>
      <c r="S48" s="14"/>
      <c r="T48" s="2"/>
    </row>
    <row r="49" spans="1:20" ht="22.5" customHeight="1" x14ac:dyDescent="0.15">
      <c r="A49" s="21"/>
      <c r="B49" s="13"/>
      <c r="C49" s="13"/>
      <c r="D49" s="13" t="s">
        <v>130</v>
      </c>
      <c r="E49" s="13"/>
      <c r="F49" s="13"/>
      <c r="G49" s="13"/>
      <c r="H49" s="14">
        <v>0</v>
      </c>
      <c r="I49" s="54"/>
      <c r="J49" s="13"/>
      <c r="K49" s="13"/>
      <c r="L49" s="13"/>
      <c r="M49" s="13"/>
      <c r="N49" s="13"/>
      <c r="O49" s="13"/>
      <c r="P49" s="13"/>
      <c r="Q49" s="13"/>
      <c r="R49" s="14"/>
      <c r="S49" s="14"/>
      <c r="T49" s="2"/>
    </row>
    <row r="50" spans="1:20" ht="22.5" customHeight="1" x14ac:dyDescent="0.15">
      <c r="A50" s="21"/>
      <c r="B50" s="13"/>
      <c r="C50" s="13"/>
      <c r="D50" s="13" t="s">
        <v>131</v>
      </c>
      <c r="E50" s="13"/>
      <c r="F50" s="13"/>
      <c r="G50" s="13"/>
      <c r="H50" s="14">
        <v>0</v>
      </c>
      <c r="I50" s="54"/>
      <c r="J50" s="13"/>
      <c r="K50" s="13"/>
      <c r="L50" s="13"/>
      <c r="M50" s="13"/>
      <c r="N50" s="13"/>
      <c r="O50" s="13"/>
      <c r="P50" s="13"/>
      <c r="Q50" s="13"/>
      <c r="R50" s="14"/>
      <c r="S50" s="14"/>
      <c r="T50" s="2"/>
    </row>
    <row r="51" spans="1:20" ht="22.5" customHeight="1" x14ac:dyDescent="0.15">
      <c r="A51" s="21"/>
      <c r="B51" s="13"/>
      <c r="C51" s="13" t="s">
        <v>154</v>
      </c>
      <c r="D51" s="13"/>
      <c r="E51" s="13"/>
      <c r="F51" s="13"/>
      <c r="G51" s="13"/>
      <c r="H51" s="14">
        <v>222000</v>
      </c>
      <c r="I51" s="54"/>
      <c r="J51" s="13"/>
      <c r="K51" s="13"/>
      <c r="L51" s="13"/>
      <c r="M51" s="13"/>
      <c r="N51" s="13"/>
      <c r="O51" s="13"/>
      <c r="P51" s="13"/>
      <c r="Q51" s="13"/>
      <c r="R51" s="14"/>
      <c r="S51" s="14"/>
      <c r="T51" s="2"/>
    </row>
    <row r="52" spans="1:20" ht="22.5" customHeight="1" x14ac:dyDescent="0.15">
      <c r="A52" s="30"/>
      <c r="B52" s="31"/>
      <c r="C52" s="31" t="s">
        <v>155</v>
      </c>
      <c r="D52" s="31"/>
      <c r="E52" s="31"/>
      <c r="F52" s="31"/>
      <c r="G52" s="31"/>
      <c r="H52" s="64">
        <v>0</v>
      </c>
      <c r="I52" s="67"/>
      <c r="J52" s="13"/>
      <c r="K52" s="13"/>
      <c r="L52" s="13"/>
      <c r="M52" s="13"/>
      <c r="N52" s="13"/>
      <c r="O52" s="13"/>
      <c r="P52" s="13"/>
      <c r="Q52" s="13"/>
      <c r="R52" s="14"/>
      <c r="S52" s="14"/>
      <c r="T52" s="2"/>
    </row>
    <row r="53" spans="1:20" ht="22.5" customHeight="1" x14ac:dyDescent="0.15">
      <c r="A53" s="13"/>
      <c r="B53" s="13"/>
      <c r="C53" s="13"/>
      <c r="D53" s="13"/>
      <c r="E53" s="13"/>
      <c r="F53" s="13"/>
      <c r="G53" s="13"/>
      <c r="H53" s="14"/>
      <c r="I53" s="14"/>
      <c r="J53" s="13"/>
      <c r="K53" s="13"/>
      <c r="L53" s="13"/>
      <c r="M53" s="13"/>
      <c r="N53" s="13"/>
      <c r="O53" s="13"/>
      <c r="P53" s="13"/>
      <c r="Q53" s="13"/>
      <c r="R53" s="14"/>
      <c r="S53" s="14"/>
      <c r="T53" s="2"/>
    </row>
    <row r="54" spans="1:20" ht="22.5" customHeight="1" x14ac:dyDescent="0.15">
      <c r="A54" s="13"/>
      <c r="B54" s="13"/>
      <c r="C54" s="13"/>
      <c r="D54" s="13"/>
      <c r="E54" s="13"/>
      <c r="F54" s="13"/>
      <c r="G54" s="13"/>
      <c r="H54" s="14"/>
      <c r="I54" s="14"/>
      <c r="J54" s="13"/>
      <c r="K54" s="13"/>
      <c r="L54" s="13"/>
      <c r="M54" s="13"/>
      <c r="N54" s="13"/>
      <c r="O54" s="13"/>
      <c r="P54" s="13"/>
      <c r="Q54" s="13"/>
      <c r="R54" s="14"/>
      <c r="S54" s="14"/>
      <c r="T54" s="2"/>
    </row>
    <row r="55" spans="1:20" ht="22.5" customHeight="1" x14ac:dyDescent="0.15">
      <c r="A55" s="13"/>
      <c r="B55" s="13"/>
      <c r="C55" s="13"/>
      <c r="D55" s="13"/>
      <c r="E55" s="13"/>
      <c r="F55" s="13"/>
      <c r="G55" s="13"/>
      <c r="H55" s="14"/>
      <c r="I55" s="14"/>
      <c r="J55" s="13"/>
      <c r="K55" s="13"/>
      <c r="L55" s="13"/>
      <c r="M55" s="13"/>
      <c r="N55" s="13"/>
      <c r="O55" s="13"/>
      <c r="P55" s="13"/>
      <c r="Q55" s="13"/>
      <c r="R55" s="14"/>
      <c r="S55" s="14"/>
      <c r="T55" s="2"/>
    </row>
    <row r="56" spans="1:20" ht="22.5" customHeight="1" x14ac:dyDescent="0.15">
      <c r="A56" s="13"/>
      <c r="B56" s="13"/>
      <c r="C56" s="13"/>
      <c r="D56" s="13"/>
      <c r="E56" s="13"/>
      <c r="F56" s="13"/>
      <c r="G56" s="13"/>
      <c r="H56" s="14"/>
      <c r="I56" s="14"/>
      <c r="J56" s="13"/>
      <c r="K56" s="13"/>
      <c r="L56" s="13"/>
      <c r="M56" s="13"/>
      <c r="N56" s="13"/>
      <c r="O56" s="13"/>
      <c r="P56" s="13"/>
      <c r="Q56" s="13"/>
      <c r="R56" s="14"/>
      <c r="S56" s="14"/>
      <c r="T56" s="2"/>
    </row>
    <row r="57" spans="1:20" ht="22.5" customHeight="1" x14ac:dyDescent="0.15">
      <c r="A57" s="13"/>
      <c r="B57" s="13"/>
      <c r="C57" s="13"/>
      <c r="D57" s="13"/>
      <c r="E57" s="13"/>
      <c r="F57" s="13"/>
      <c r="G57" s="13"/>
      <c r="H57" s="14"/>
      <c r="I57" s="14"/>
      <c r="J57" s="13"/>
      <c r="K57" s="13"/>
      <c r="L57" s="13"/>
      <c r="M57" s="13"/>
      <c r="N57" s="13"/>
      <c r="O57" s="13"/>
      <c r="P57" s="13"/>
      <c r="Q57" s="13"/>
      <c r="R57" s="14"/>
      <c r="S57" s="14"/>
      <c r="T57" s="2"/>
    </row>
    <row r="58" spans="1:20" ht="22.5" customHeight="1" x14ac:dyDescent="0.15">
      <c r="A58" s="13"/>
      <c r="B58" s="13"/>
      <c r="C58" s="13"/>
      <c r="D58" s="13"/>
      <c r="E58" s="13"/>
      <c r="F58" s="13"/>
      <c r="G58" s="13"/>
      <c r="H58" s="14"/>
      <c r="I58" s="14"/>
      <c r="J58" s="13"/>
      <c r="K58" s="24"/>
      <c r="L58" s="24"/>
      <c r="M58" s="24"/>
      <c r="N58" s="24"/>
      <c r="O58" s="24"/>
      <c r="P58" s="24"/>
      <c r="Q58" s="24"/>
      <c r="R58" s="14"/>
      <c r="S58" s="14"/>
      <c r="T58" s="2"/>
    </row>
    <row r="59" spans="1:20" ht="22.5" customHeight="1" x14ac:dyDescent="0.15">
      <c r="A59" s="13"/>
      <c r="B59" s="13"/>
      <c r="C59" s="13"/>
      <c r="D59" s="13"/>
      <c r="E59" s="13"/>
      <c r="F59" s="13"/>
      <c r="G59" s="13"/>
      <c r="H59" s="14"/>
      <c r="I59" s="14"/>
      <c r="J59" s="13"/>
      <c r="K59" s="24"/>
      <c r="L59" s="24"/>
      <c r="M59" s="24"/>
      <c r="N59" s="24"/>
      <c r="O59" s="24"/>
      <c r="P59" s="24"/>
      <c r="Q59" s="24"/>
      <c r="R59" s="14"/>
      <c r="S59" s="14"/>
      <c r="T59" s="2"/>
    </row>
    <row r="60" spans="1:20" ht="22.5" customHeight="1" x14ac:dyDescent="0.15">
      <c r="A60" s="13"/>
      <c r="B60" s="13"/>
      <c r="C60" s="13"/>
      <c r="D60" s="13"/>
      <c r="E60" s="13"/>
      <c r="F60" s="13"/>
      <c r="G60" s="13"/>
      <c r="H60" s="14"/>
      <c r="I60" s="14"/>
      <c r="J60" s="13"/>
      <c r="K60" s="24"/>
      <c r="L60" s="24"/>
      <c r="M60" s="24"/>
      <c r="N60" s="24"/>
      <c r="O60" s="24"/>
      <c r="P60" s="24"/>
      <c r="Q60" s="24"/>
      <c r="R60" s="14"/>
      <c r="S60" s="14"/>
      <c r="T60" s="2"/>
    </row>
    <row r="61" spans="1:20" ht="22.5" customHeight="1" x14ac:dyDescent="0.15">
      <c r="A61" s="13"/>
      <c r="B61" s="13"/>
      <c r="C61" s="13"/>
      <c r="D61" s="13"/>
      <c r="E61" s="13"/>
      <c r="F61" s="13"/>
      <c r="G61" s="13"/>
      <c r="H61" s="14"/>
      <c r="I61" s="14"/>
      <c r="J61" s="13"/>
      <c r="K61" s="24"/>
      <c r="L61" s="24"/>
      <c r="M61" s="24"/>
      <c r="N61" s="24"/>
      <c r="O61" s="24"/>
      <c r="P61" s="24"/>
      <c r="Q61" s="24"/>
      <c r="R61" s="14"/>
      <c r="S61" s="14"/>
      <c r="T61" s="2"/>
    </row>
    <row r="62" spans="1:20" s="2" customFormat="1" ht="22.5" customHeight="1" x14ac:dyDescent="0.15">
      <c r="A62" s="13"/>
      <c r="B62" s="13"/>
      <c r="C62" s="13"/>
      <c r="D62" s="13"/>
      <c r="E62" s="13"/>
      <c r="F62" s="13"/>
      <c r="G62" s="13"/>
      <c r="H62" s="14"/>
      <c r="I62" s="14"/>
      <c r="K62" s="13"/>
      <c r="L62" s="13"/>
      <c r="M62" s="13"/>
      <c r="N62" s="13"/>
      <c r="O62" s="13"/>
      <c r="P62" s="13"/>
      <c r="Q62" s="13"/>
      <c r="R62" s="14"/>
      <c r="S62" s="14"/>
    </row>
    <row r="63" spans="1:20" s="2" customFormat="1" ht="22.5" customHeight="1" x14ac:dyDescent="0.15">
      <c r="H63" s="17"/>
      <c r="I63" s="17"/>
      <c r="R63" s="17"/>
      <c r="S63" s="17"/>
    </row>
    <row r="64" spans="1:20" s="2" customFormat="1" ht="22.5" customHeight="1" x14ac:dyDescent="0.15">
      <c r="H64" s="17"/>
      <c r="I64" s="17"/>
      <c r="R64" s="17"/>
      <c r="S64" s="17"/>
    </row>
    <row r="65" spans="1:19" s="2" customFormat="1" ht="22.5" customHeight="1" x14ac:dyDescent="0.15">
      <c r="H65" s="18"/>
      <c r="I65" s="18"/>
      <c r="R65" s="18"/>
      <c r="S65" s="18"/>
    </row>
    <row r="66" spans="1:19" s="2" customFormat="1" ht="22.5" customHeight="1" x14ac:dyDescent="0.15">
      <c r="H66" s="18"/>
      <c r="I66" s="18"/>
      <c r="R66" s="18"/>
      <c r="S66" s="18"/>
    </row>
    <row r="67" spans="1:19" ht="22.5" customHeight="1" x14ac:dyDescent="0.15">
      <c r="A67" s="2"/>
      <c r="B67" s="2"/>
      <c r="C67" s="2"/>
      <c r="D67" s="2"/>
      <c r="E67" s="2"/>
      <c r="F67" s="2"/>
      <c r="G67" s="2"/>
      <c r="H67" s="18"/>
      <c r="I67" s="18"/>
      <c r="J67" s="2"/>
      <c r="K67" s="2"/>
      <c r="L67" s="2"/>
      <c r="M67" s="2"/>
      <c r="N67" s="2"/>
      <c r="O67" s="2"/>
      <c r="P67" s="2"/>
      <c r="Q67" s="2"/>
      <c r="R67" s="18"/>
      <c r="S67" s="18"/>
    </row>
    <row r="68" spans="1:19" ht="22.5" customHeight="1" x14ac:dyDescent="0.15">
      <c r="A68" s="2"/>
      <c r="B68" s="2"/>
      <c r="C68" s="2"/>
      <c r="D68" s="2"/>
      <c r="E68" s="2"/>
      <c r="F68" s="2"/>
      <c r="G68" s="2"/>
      <c r="H68" s="18"/>
      <c r="I68" s="18"/>
      <c r="J68" s="2"/>
      <c r="K68" s="2"/>
      <c r="L68" s="2"/>
      <c r="M68" s="2"/>
      <c r="N68" s="2"/>
      <c r="O68" s="2"/>
      <c r="P68" s="2"/>
      <c r="Q68" s="2"/>
      <c r="R68" s="18"/>
      <c r="S68" s="18"/>
    </row>
    <row r="69" spans="1:19" ht="22.5" customHeight="1" x14ac:dyDescent="0.15">
      <c r="A69" s="2"/>
      <c r="B69" s="2"/>
      <c r="C69" s="2"/>
      <c r="D69" s="2"/>
      <c r="E69" s="2"/>
      <c r="F69" s="2"/>
      <c r="G69" s="2"/>
      <c r="H69" s="18"/>
      <c r="I69" s="18"/>
      <c r="J69" s="2"/>
      <c r="K69" s="2"/>
      <c r="L69" s="2"/>
      <c r="M69" s="2"/>
      <c r="N69" s="2"/>
      <c r="O69" s="2"/>
      <c r="P69" s="2"/>
      <c r="Q69" s="2"/>
      <c r="R69" s="18"/>
      <c r="S69" s="18"/>
    </row>
    <row r="70" spans="1:19" ht="22.5" customHeight="1" x14ac:dyDescent="0.15">
      <c r="A70" s="2"/>
      <c r="B70" s="2"/>
      <c r="C70" s="2"/>
      <c r="D70" s="2"/>
      <c r="E70" s="2"/>
      <c r="F70" s="2"/>
      <c r="G70" s="2"/>
      <c r="H70" s="18"/>
      <c r="I70" s="18"/>
      <c r="J70" s="2"/>
      <c r="K70" s="2"/>
      <c r="L70" s="2"/>
      <c r="M70" s="2"/>
      <c r="N70" s="2"/>
      <c r="O70" s="2"/>
      <c r="P70" s="2"/>
      <c r="Q70" s="2"/>
      <c r="R70" s="18"/>
      <c r="S70" s="18"/>
    </row>
    <row r="71" spans="1:19" ht="22.5" customHeight="1" x14ac:dyDescent="0.15">
      <c r="A71" s="2"/>
      <c r="B71" s="2"/>
      <c r="C71" s="2"/>
      <c r="D71" s="2"/>
      <c r="E71" s="2"/>
      <c r="F71" s="2"/>
      <c r="G71" s="2"/>
      <c r="H71" s="18"/>
      <c r="I71" s="18"/>
      <c r="J71" s="2"/>
      <c r="K71" s="2"/>
      <c r="L71" s="2"/>
      <c r="M71" s="2"/>
      <c r="N71" s="2"/>
      <c r="O71" s="2"/>
      <c r="P71" s="2"/>
      <c r="Q71" s="2"/>
      <c r="R71" s="18"/>
      <c r="S71" s="18"/>
    </row>
    <row r="72" spans="1:19" ht="22.5" customHeight="1" x14ac:dyDescent="0.15">
      <c r="A72" s="2"/>
      <c r="B72" s="2"/>
      <c r="C72" s="2"/>
      <c r="D72" s="2"/>
      <c r="E72" s="2"/>
      <c r="F72" s="2"/>
      <c r="G72" s="2"/>
      <c r="H72" s="18"/>
      <c r="I72" s="18"/>
      <c r="J72" s="2"/>
      <c r="K72" s="2"/>
      <c r="L72" s="2"/>
      <c r="M72" s="2"/>
      <c r="N72" s="2"/>
      <c r="O72" s="2"/>
      <c r="P72" s="2"/>
      <c r="Q72" s="2"/>
      <c r="R72" s="18"/>
      <c r="S72" s="18"/>
    </row>
    <row r="73" spans="1:19" ht="22.5" customHeight="1" x14ac:dyDescent="0.15">
      <c r="A73" s="2"/>
      <c r="B73" s="2"/>
      <c r="C73" s="2"/>
      <c r="D73" s="2"/>
      <c r="E73" s="2"/>
      <c r="F73" s="2"/>
      <c r="G73" s="2"/>
      <c r="H73" s="18"/>
      <c r="I73" s="18"/>
      <c r="J73" s="2"/>
      <c r="K73" s="2"/>
      <c r="L73" s="2"/>
      <c r="M73" s="2"/>
      <c r="N73" s="2"/>
      <c r="O73" s="2"/>
      <c r="P73" s="2"/>
      <c r="Q73" s="2"/>
      <c r="R73" s="18"/>
      <c r="S73" s="18"/>
    </row>
    <row r="74" spans="1:19" ht="22.5" customHeight="1" x14ac:dyDescent="0.15">
      <c r="A74" s="2"/>
      <c r="B74" s="2"/>
      <c r="C74" s="2"/>
      <c r="D74" s="2"/>
      <c r="E74" s="2"/>
      <c r="F74" s="2"/>
      <c r="G74" s="2"/>
      <c r="H74" s="18"/>
      <c r="I74" s="18"/>
      <c r="J74" s="2"/>
      <c r="K74" s="2"/>
      <c r="L74" s="2"/>
      <c r="M74" s="2"/>
      <c r="N74" s="2"/>
      <c r="O74" s="2"/>
      <c r="P74" s="2"/>
      <c r="Q74" s="2"/>
      <c r="R74" s="18"/>
      <c r="S74" s="18"/>
    </row>
    <row r="75" spans="1:19" ht="22.5" customHeight="1" x14ac:dyDescent="0.15">
      <c r="A75" s="2"/>
      <c r="B75" s="2"/>
      <c r="C75" s="2"/>
      <c r="D75" s="2"/>
      <c r="E75" s="2"/>
      <c r="F75" s="2"/>
      <c r="G75" s="2"/>
      <c r="H75" s="18"/>
      <c r="I75" s="18"/>
      <c r="J75" s="2"/>
      <c r="K75" s="2"/>
      <c r="L75" s="2"/>
      <c r="M75" s="2"/>
      <c r="N75" s="2"/>
      <c r="O75" s="2"/>
      <c r="P75" s="2"/>
      <c r="Q75" s="2"/>
      <c r="R75" s="18"/>
      <c r="S75" s="18"/>
    </row>
    <row r="76" spans="1:19" ht="22.5" customHeight="1" x14ac:dyDescent="0.15">
      <c r="A76" s="2"/>
      <c r="B76" s="2"/>
      <c r="C76" s="2"/>
      <c r="D76" s="2"/>
      <c r="E76" s="2"/>
      <c r="F76" s="2"/>
      <c r="G76" s="2"/>
      <c r="H76" s="18"/>
      <c r="I76" s="18"/>
      <c r="J76" s="2"/>
      <c r="K76" s="2"/>
      <c r="L76" s="2"/>
      <c r="M76" s="2"/>
      <c r="N76" s="2"/>
      <c r="O76" s="2"/>
      <c r="P76" s="2"/>
      <c r="Q76" s="2"/>
      <c r="R76" s="18"/>
      <c r="S76" s="18"/>
    </row>
    <row r="77" spans="1:19" ht="22.5" customHeight="1" x14ac:dyDescent="0.15">
      <c r="A77" s="2"/>
      <c r="B77" s="2"/>
      <c r="C77" s="2"/>
      <c r="D77" s="2"/>
      <c r="E77" s="2"/>
      <c r="F77" s="2"/>
      <c r="G77" s="2"/>
      <c r="H77" s="18"/>
      <c r="I77" s="18"/>
      <c r="J77" s="2"/>
      <c r="K77" s="2"/>
      <c r="L77" s="2"/>
      <c r="M77" s="2"/>
      <c r="N77" s="2"/>
      <c r="O77" s="2"/>
      <c r="P77" s="2"/>
      <c r="Q77" s="2"/>
      <c r="R77" s="18"/>
      <c r="S77" s="18"/>
    </row>
    <row r="78" spans="1:19" ht="22.5" customHeight="1" x14ac:dyDescent="0.15">
      <c r="A78" s="2"/>
      <c r="B78" s="2"/>
      <c r="C78" s="2"/>
      <c r="D78" s="2"/>
      <c r="E78" s="2"/>
      <c r="F78" s="2"/>
      <c r="G78" s="2"/>
      <c r="H78" s="18"/>
      <c r="I78" s="18"/>
      <c r="J78" s="2"/>
      <c r="K78" s="2"/>
      <c r="L78" s="2"/>
      <c r="M78" s="2"/>
      <c r="N78" s="2"/>
      <c r="O78" s="2"/>
      <c r="P78" s="2"/>
      <c r="Q78" s="2"/>
      <c r="R78" s="18"/>
      <c r="S78" s="18"/>
    </row>
    <row r="79" spans="1:19" ht="22.5" customHeight="1" x14ac:dyDescent="0.15">
      <c r="A79" s="2"/>
      <c r="B79" s="2"/>
      <c r="C79" s="2"/>
      <c r="D79" s="2"/>
      <c r="E79" s="2"/>
      <c r="F79" s="2"/>
      <c r="G79" s="2"/>
      <c r="H79" s="18"/>
      <c r="I79" s="18"/>
      <c r="J79" s="2"/>
      <c r="K79" s="2"/>
      <c r="L79" s="2"/>
      <c r="M79" s="2"/>
      <c r="N79" s="2"/>
      <c r="O79" s="2"/>
      <c r="P79" s="2"/>
      <c r="Q79" s="2"/>
      <c r="R79" s="18"/>
      <c r="S79" s="18"/>
    </row>
    <row r="80" spans="1:19" ht="22.5" customHeight="1" x14ac:dyDescent="0.15">
      <c r="A80" s="2"/>
      <c r="B80" s="2"/>
      <c r="C80" s="2"/>
      <c r="D80" s="2"/>
      <c r="E80" s="2"/>
      <c r="F80" s="2"/>
      <c r="G80" s="2"/>
      <c r="H80" s="18"/>
      <c r="I80" s="18"/>
      <c r="J80" s="2"/>
      <c r="K80" s="2"/>
      <c r="L80" s="2"/>
      <c r="M80" s="2"/>
      <c r="N80" s="2"/>
      <c r="O80" s="2"/>
      <c r="P80" s="2"/>
      <c r="Q80" s="2"/>
      <c r="R80" s="18"/>
      <c r="S80" s="18"/>
    </row>
    <row r="81" spans="1:19" ht="22.5" customHeight="1" x14ac:dyDescent="0.15">
      <c r="A81" s="2"/>
      <c r="B81" s="2"/>
      <c r="C81" s="2"/>
      <c r="D81" s="2"/>
      <c r="E81" s="2"/>
      <c r="F81" s="2"/>
      <c r="G81" s="2"/>
      <c r="H81" s="18"/>
      <c r="I81" s="18"/>
      <c r="J81" s="2"/>
      <c r="K81" s="2"/>
      <c r="L81" s="2"/>
      <c r="M81" s="2"/>
      <c r="N81" s="2"/>
      <c r="O81" s="2"/>
      <c r="P81" s="2"/>
      <c r="Q81" s="2"/>
      <c r="R81" s="18"/>
      <c r="S81" s="18"/>
    </row>
    <row r="82" spans="1:19" ht="22.5" customHeight="1" x14ac:dyDescent="0.15">
      <c r="A82" s="2"/>
      <c r="B82" s="2"/>
      <c r="C82" s="2"/>
      <c r="D82" s="2"/>
      <c r="E82" s="2"/>
      <c r="F82" s="2"/>
      <c r="G82" s="2"/>
      <c r="H82" s="18"/>
      <c r="I82" s="18"/>
      <c r="J82" s="2"/>
      <c r="K82" s="2"/>
      <c r="L82" s="2"/>
      <c r="M82" s="2"/>
      <c r="N82" s="2"/>
      <c r="O82" s="2"/>
      <c r="P82" s="2"/>
      <c r="Q82" s="2"/>
      <c r="R82" s="18"/>
      <c r="S82" s="18"/>
    </row>
    <row r="83" spans="1:19" ht="22.5" customHeight="1" x14ac:dyDescent="0.15">
      <c r="A83" s="2"/>
      <c r="B83" s="2"/>
      <c r="C83" s="2"/>
      <c r="D83" s="2"/>
      <c r="E83" s="2"/>
      <c r="F83" s="2"/>
      <c r="G83" s="2"/>
      <c r="H83" s="18"/>
      <c r="I83" s="18"/>
      <c r="J83" s="2"/>
      <c r="K83" s="2"/>
      <c r="L83" s="2"/>
      <c r="M83" s="2"/>
      <c r="N83" s="2"/>
      <c r="O83" s="2"/>
      <c r="P83" s="2"/>
      <c r="Q83" s="2"/>
      <c r="R83" s="18"/>
      <c r="S83" s="18"/>
    </row>
    <row r="84" spans="1:19" ht="22.5" customHeight="1" x14ac:dyDescent="0.15">
      <c r="A84" s="2"/>
      <c r="B84" s="2"/>
      <c r="C84" s="2"/>
      <c r="D84" s="2"/>
      <c r="E84" s="2"/>
      <c r="F84" s="2"/>
      <c r="G84" s="2"/>
      <c r="H84" s="18"/>
      <c r="I84" s="18"/>
      <c r="J84" s="2"/>
      <c r="K84" s="2"/>
      <c r="L84" s="2"/>
      <c r="M84" s="2"/>
      <c r="N84" s="2"/>
      <c r="O84" s="2"/>
      <c r="P84" s="2"/>
      <c r="Q84" s="2"/>
      <c r="R84" s="18"/>
      <c r="S84" s="18"/>
    </row>
    <row r="85" spans="1:19" ht="22.5" customHeight="1" x14ac:dyDescent="0.15">
      <c r="A85" s="2"/>
      <c r="B85" s="2"/>
      <c r="C85" s="2"/>
      <c r="D85" s="2"/>
      <c r="E85" s="2"/>
      <c r="F85" s="2"/>
      <c r="G85" s="2"/>
      <c r="H85" s="18"/>
      <c r="I85" s="18"/>
      <c r="J85" s="2"/>
      <c r="K85" s="2"/>
      <c r="L85" s="2"/>
      <c r="M85" s="2"/>
      <c r="N85" s="2"/>
      <c r="O85" s="2"/>
      <c r="P85" s="2"/>
      <c r="Q85" s="2"/>
      <c r="R85" s="18"/>
      <c r="S85" s="18"/>
    </row>
    <row r="86" spans="1:19" ht="22.5" customHeight="1" x14ac:dyDescent="0.15">
      <c r="A86" s="2"/>
      <c r="B86" s="2"/>
      <c r="C86" s="2"/>
      <c r="D86" s="2"/>
      <c r="E86" s="2"/>
      <c r="F86" s="2"/>
      <c r="G86" s="2"/>
      <c r="H86" s="18"/>
      <c r="I86" s="18"/>
      <c r="J86" s="2"/>
      <c r="K86" s="2"/>
      <c r="L86" s="2"/>
      <c r="M86" s="2"/>
      <c r="N86" s="2"/>
      <c r="O86" s="2"/>
      <c r="P86" s="2"/>
      <c r="Q86" s="2"/>
      <c r="R86" s="18"/>
      <c r="S86" s="18"/>
    </row>
    <row r="87" spans="1:19" ht="22.5" customHeight="1" x14ac:dyDescent="0.15">
      <c r="A87" s="2"/>
      <c r="B87" s="2"/>
      <c r="C87" s="2"/>
      <c r="D87" s="2"/>
      <c r="E87" s="2"/>
      <c r="F87" s="2"/>
      <c r="G87" s="2"/>
      <c r="H87" s="18"/>
      <c r="I87" s="18"/>
      <c r="J87" s="2"/>
      <c r="K87" s="2"/>
      <c r="L87" s="2"/>
      <c r="M87" s="2"/>
      <c r="N87" s="2"/>
      <c r="O87" s="2"/>
      <c r="P87" s="2"/>
      <c r="Q87" s="2"/>
      <c r="R87" s="18"/>
      <c r="S87" s="18"/>
    </row>
    <row r="88" spans="1:19" ht="22.5" customHeight="1" x14ac:dyDescent="0.15">
      <c r="A88" s="2"/>
      <c r="B88" s="2"/>
      <c r="C88" s="2"/>
      <c r="D88" s="2"/>
      <c r="E88" s="2"/>
      <c r="F88" s="2"/>
      <c r="G88" s="2"/>
      <c r="H88" s="18"/>
      <c r="I88" s="18"/>
      <c r="J88" s="2"/>
      <c r="K88" s="2"/>
      <c r="L88" s="2"/>
      <c r="M88" s="2"/>
      <c r="N88" s="2"/>
      <c r="O88" s="2"/>
      <c r="P88" s="2"/>
      <c r="Q88" s="2"/>
      <c r="R88" s="18"/>
      <c r="S88" s="18"/>
    </row>
    <row r="89" spans="1:19" ht="22.5" customHeight="1" x14ac:dyDescent="0.15">
      <c r="A89" s="2"/>
      <c r="B89" s="2"/>
      <c r="C89" s="2"/>
      <c r="D89" s="2"/>
      <c r="E89" s="2"/>
      <c r="F89" s="2"/>
      <c r="G89" s="2"/>
      <c r="H89" s="18"/>
      <c r="I89" s="18"/>
      <c r="J89" s="2"/>
      <c r="K89" s="2"/>
      <c r="L89" s="2"/>
      <c r="M89" s="2"/>
      <c r="N89" s="2"/>
      <c r="O89" s="2"/>
      <c r="P89" s="2"/>
      <c r="Q89" s="2"/>
      <c r="R89" s="18"/>
      <c r="S89" s="18"/>
    </row>
    <row r="90" spans="1:19" ht="22.5" customHeight="1" x14ac:dyDescent="0.15">
      <c r="A90" s="2"/>
      <c r="B90" s="2"/>
      <c r="C90" s="2"/>
      <c r="D90" s="2"/>
      <c r="E90" s="2"/>
      <c r="F90" s="2"/>
      <c r="G90" s="2"/>
      <c r="H90" s="18"/>
      <c r="I90" s="18"/>
      <c r="J90" s="2"/>
      <c r="K90" s="2"/>
      <c r="L90" s="2"/>
      <c r="M90" s="2"/>
      <c r="N90" s="2"/>
      <c r="O90" s="2"/>
      <c r="P90" s="2"/>
      <c r="Q90" s="2"/>
      <c r="R90" s="18"/>
      <c r="S90" s="18"/>
    </row>
    <row r="91" spans="1:19" ht="22.5" customHeight="1" x14ac:dyDescent="0.15">
      <c r="A91" s="2"/>
      <c r="B91" s="2"/>
      <c r="C91" s="2"/>
      <c r="D91" s="2"/>
      <c r="E91" s="2"/>
      <c r="F91" s="2"/>
      <c r="G91" s="2"/>
      <c r="H91" s="18"/>
      <c r="I91" s="18"/>
      <c r="J91" s="2"/>
      <c r="K91" s="2"/>
      <c r="L91" s="2"/>
      <c r="M91" s="2"/>
      <c r="N91" s="2"/>
      <c r="O91" s="2"/>
      <c r="P91" s="2"/>
      <c r="Q91" s="2"/>
      <c r="R91" s="18"/>
      <c r="S91" s="18"/>
    </row>
    <row r="92" spans="1:19" ht="22.5" customHeight="1" x14ac:dyDescent="0.15">
      <c r="A92" s="2"/>
      <c r="B92" s="2"/>
      <c r="C92" s="2"/>
      <c r="D92" s="2"/>
      <c r="E92" s="2"/>
      <c r="F92" s="2"/>
      <c r="G92" s="2"/>
      <c r="H92" s="18"/>
      <c r="I92" s="18"/>
      <c r="J92" s="2"/>
      <c r="K92" s="2"/>
      <c r="L92" s="2"/>
      <c r="M92" s="2"/>
      <c r="N92" s="2"/>
      <c r="O92" s="2"/>
      <c r="P92" s="2"/>
      <c r="Q92" s="2"/>
      <c r="R92" s="18"/>
      <c r="S92" s="18"/>
    </row>
    <row r="93" spans="1:19" ht="22.5" customHeight="1" x14ac:dyDescent="0.15">
      <c r="A93" s="2"/>
      <c r="B93" s="2"/>
      <c r="C93" s="2"/>
      <c r="D93" s="2"/>
      <c r="E93" s="2"/>
      <c r="F93" s="2"/>
      <c r="G93" s="2"/>
      <c r="H93" s="18"/>
      <c r="I93" s="18"/>
      <c r="J93" s="2"/>
      <c r="K93" s="2"/>
      <c r="L93" s="2"/>
      <c r="M93" s="2"/>
      <c r="N93" s="2"/>
      <c r="O93" s="2"/>
      <c r="P93" s="2"/>
      <c r="Q93" s="2"/>
      <c r="R93" s="18"/>
      <c r="S93" s="18"/>
    </row>
    <row r="94" spans="1:19" ht="22.5" customHeight="1" x14ac:dyDescent="0.15">
      <c r="A94" s="2"/>
      <c r="B94" s="2"/>
      <c r="C94" s="2"/>
      <c r="D94" s="2"/>
      <c r="E94" s="2"/>
      <c r="F94" s="2"/>
      <c r="G94" s="2"/>
      <c r="H94" s="18"/>
      <c r="I94" s="18"/>
      <c r="J94" s="2"/>
      <c r="K94" s="2"/>
      <c r="L94" s="2"/>
      <c r="M94" s="2"/>
      <c r="N94" s="2"/>
      <c r="O94" s="2"/>
      <c r="P94" s="2"/>
      <c r="Q94" s="2"/>
      <c r="R94" s="18"/>
      <c r="S94" s="18"/>
    </row>
    <row r="95" spans="1:19" ht="22.5" customHeight="1" x14ac:dyDescent="0.15">
      <c r="A95" s="2"/>
      <c r="B95" s="2"/>
      <c r="C95" s="2"/>
      <c r="D95" s="2"/>
      <c r="E95" s="2"/>
      <c r="F95" s="2"/>
      <c r="G95" s="2"/>
      <c r="H95" s="18"/>
      <c r="I95" s="18"/>
      <c r="J95" s="2"/>
      <c r="K95" s="2"/>
      <c r="L95" s="2"/>
      <c r="M95" s="2"/>
      <c r="N95" s="2"/>
      <c r="O95" s="2"/>
      <c r="P95" s="2"/>
      <c r="Q95" s="2"/>
      <c r="R95" s="18"/>
      <c r="S95" s="18"/>
    </row>
    <row r="96" spans="1:19" ht="22.5" customHeight="1" x14ac:dyDescent="0.15">
      <c r="A96" s="2"/>
      <c r="B96" s="2"/>
      <c r="C96" s="2"/>
      <c r="D96" s="2"/>
      <c r="E96" s="2"/>
      <c r="F96" s="2"/>
      <c r="G96" s="2"/>
      <c r="H96" s="18"/>
      <c r="I96" s="18"/>
      <c r="J96" s="2"/>
      <c r="K96" s="2"/>
      <c r="L96" s="2"/>
      <c r="M96" s="2"/>
      <c r="N96" s="2"/>
      <c r="O96" s="2"/>
      <c r="P96" s="2"/>
      <c r="Q96" s="2"/>
      <c r="R96" s="18"/>
      <c r="S96" s="18"/>
    </row>
    <row r="97" spans="1:19" ht="22.5" customHeight="1" x14ac:dyDescent="0.15">
      <c r="A97" s="2"/>
      <c r="B97" s="2"/>
      <c r="C97" s="2"/>
      <c r="D97" s="2"/>
      <c r="E97" s="2"/>
      <c r="F97" s="2"/>
      <c r="G97" s="2"/>
      <c r="H97" s="18"/>
      <c r="I97" s="18"/>
      <c r="J97" s="2"/>
      <c r="K97" s="2"/>
      <c r="L97" s="2"/>
      <c r="M97" s="2"/>
      <c r="N97" s="2"/>
      <c r="O97" s="2"/>
      <c r="P97" s="2"/>
      <c r="Q97" s="2"/>
      <c r="R97" s="18"/>
      <c r="S97" s="18"/>
    </row>
    <row r="98" spans="1:19" ht="22.5" customHeight="1" x14ac:dyDescent="0.15">
      <c r="A98" s="2"/>
      <c r="B98" s="2"/>
      <c r="C98" s="2"/>
      <c r="D98" s="2"/>
      <c r="E98" s="2"/>
      <c r="F98" s="2"/>
      <c r="G98" s="2"/>
      <c r="H98" s="18"/>
      <c r="I98" s="18"/>
      <c r="J98" s="2"/>
      <c r="K98" s="2"/>
      <c r="L98" s="2"/>
      <c r="M98" s="2"/>
      <c r="N98" s="2"/>
      <c r="O98" s="2"/>
      <c r="P98" s="2"/>
      <c r="Q98" s="2"/>
      <c r="R98" s="18"/>
      <c r="S98" s="18"/>
    </row>
    <row r="99" spans="1:19" ht="22.5" customHeight="1" x14ac:dyDescent="0.15">
      <c r="A99" s="2"/>
      <c r="B99" s="2"/>
      <c r="C99" s="2"/>
      <c r="D99" s="2"/>
      <c r="E99" s="2"/>
      <c r="F99" s="2"/>
      <c r="G99" s="2"/>
      <c r="H99" s="18"/>
      <c r="I99" s="18"/>
      <c r="J99" s="2"/>
      <c r="K99" s="2"/>
      <c r="L99" s="2"/>
      <c r="M99" s="2"/>
      <c r="N99" s="2"/>
      <c r="O99" s="2"/>
      <c r="P99" s="2"/>
      <c r="Q99" s="2"/>
      <c r="R99" s="18"/>
      <c r="S99" s="18"/>
    </row>
    <row r="100" spans="1:19" ht="22.5" customHeight="1" x14ac:dyDescent="0.15">
      <c r="A100" s="2"/>
      <c r="B100" s="2"/>
      <c r="C100" s="2"/>
      <c r="D100" s="2"/>
      <c r="E100" s="2"/>
      <c r="F100" s="2"/>
      <c r="G100" s="2"/>
      <c r="H100" s="18"/>
      <c r="I100" s="18"/>
      <c r="J100" s="2"/>
      <c r="K100" s="2"/>
      <c r="L100" s="2"/>
      <c r="M100" s="2"/>
      <c r="N100" s="2"/>
      <c r="O100" s="2"/>
      <c r="P100" s="2"/>
      <c r="Q100" s="2"/>
      <c r="R100" s="18"/>
      <c r="S100" s="18"/>
    </row>
    <row r="101" spans="1:19" ht="22.5" customHeight="1" x14ac:dyDescent="0.15">
      <c r="A101" s="2"/>
      <c r="B101" s="2"/>
      <c r="C101" s="2"/>
      <c r="D101" s="2"/>
      <c r="E101" s="2"/>
      <c r="F101" s="2"/>
      <c r="G101" s="2"/>
      <c r="H101" s="18"/>
      <c r="I101" s="18"/>
      <c r="J101" s="2"/>
      <c r="K101" s="2"/>
      <c r="L101" s="2"/>
      <c r="M101" s="2"/>
      <c r="N101" s="2"/>
      <c r="O101" s="2"/>
      <c r="P101" s="2"/>
      <c r="Q101" s="2"/>
      <c r="R101" s="18"/>
      <c r="S101" s="18"/>
    </row>
    <row r="102" spans="1:19" ht="22.5" customHeight="1" x14ac:dyDescent="0.15">
      <c r="H102" s="19"/>
      <c r="I102" s="19"/>
      <c r="R102" s="19"/>
      <c r="S102" s="19"/>
    </row>
    <row r="103" spans="1:19" ht="22.5" customHeight="1" x14ac:dyDescent="0.15">
      <c r="H103" s="19"/>
      <c r="I103" s="19"/>
      <c r="R103" s="19"/>
      <c r="S103" s="19"/>
    </row>
    <row r="104" spans="1:19" ht="22.5" customHeight="1" x14ac:dyDescent="0.15">
      <c r="H104" s="19"/>
      <c r="I104" s="19"/>
      <c r="R104" s="19"/>
      <c r="S104" s="19"/>
    </row>
    <row r="105" spans="1:19" ht="22.5" customHeight="1" x14ac:dyDescent="0.15">
      <c r="H105" s="19"/>
      <c r="I105" s="19"/>
      <c r="R105" s="19"/>
      <c r="S105" s="19"/>
    </row>
    <row r="106" spans="1:19" ht="22.5" customHeight="1" x14ac:dyDescent="0.15">
      <c r="H106" s="19"/>
      <c r="I106" s="19"/>
      <c r="R106" s="19"/>
      <c r="S106" s="19"/>
    </row>
    <row r="107" spans="1:19" ht="22.5" customHeight="1" x14ac:dyDescent="0.15">
      <c r="H107" s="19"/>
      <c r="I107" s="19"/>
      <c r="R107" s="19"/>
      <c r="S107" s="19"/>
    </row>
    <row r="108" spans="1:19" ht="22.5" customHeight="1" x14ac:dyDescent="0.15">
      <c r="H108" s="19"/>
      <c r="I108" s="19"/>
      <c r="R108" s="19"/>
      <c r="S108" s="19"/>
    </row>
    <row r="109" spans="1:19" ht="22.5" customHeight="1" x14ac:dyDescent="0.15">
      <c r="H109" s="19"/>
      <c r="I109" s="19"/>
      <c r="R109" s="19"/>
      <c r="S109" s="19"/>
    </row>
    <row r="110" spans="1:19" ht="22.5" customHeight="1" x14ac:dyDescent="0.15">
      <c r="H110" s="19"/>
      <c r="I110" s="19"/>
      <c r="R110" s="19"/>
      <c r="S110" s="19"/>
    </row>
    <row r="111" spans="1:19" ht="22.5" customHeight="1" x14ac:dyDescent="0.15">
      <c r="H111" s="19"/>
      <c r="I111" s="19"/>
      <c r="R111" s="19"/>
      <c r="S111" s="19"/>
    </row>
    <row r="112" spans="1:19" ht="22.5" customHeight="1" x14ac:dyDescent="0.15">
      <c r="H112" s="19"/>
      <c r="I112" s="19"/>
      <c r="R112" s="19"/>
      <c r="S112" s="19"/>
    </row>
    <row r="113" spans="8:19" ht="22.5" customHeight="1" x14ac:dyDescent="0.15">
      <c r="H113" s="19"/>
      <c r="I113" s="19"/>
      <c r="R113" s="19"/>
      <c r="S113" s="19"/>
    </row>
    <row r="114" spans="8:19" ht="22.5" customHeight="1" x14ac:dyDescent="0.15">
      <c r="H114" s="19"/>
      <c r="I114" s="19"/>
      <c r="R114" s="19"/>
      <c r="S114" s="19"/>
    </row>
    <row r="115" spans="8:19" ht="22.5" customHeight="1" x14ac:dyDescent="0.15">
      <c r="H115" s="19"/>
      <c r="I115" s="19"/>
      <c r="R115" s="19"/>
      <c r="S115" s="19"/>
    </row>
    <row r="116" spans="8:19" ht="22.5" customHeight="1" x14ac:dyDescent="0.15">
      <c r="H116" s="19"/>
      <c r="I116" s="19"/>
      <c r="R116" s="19"/>
      <c r="S116" s="19"/>
    </row>
    <row r="117" spans="8:19" ht="22.5" customHeight="1" x14ac:dyDescent="0.15">
      <c r="H117" s="19"/>
      <c r="I117" s="19"/>
      <c r="R117" s="19"/>
      <c r="S117" s="19"/>
    </row>
    <row r="118" spans="8:19" ht="22.5" customHeight="1" x14ac:dyDescent="0.15">
      <c r="H118" s="19"/>
      <c r="I118" s="19"/>
      <c r="R118" s="19"/>
      <c r="S118" s="19"/>
    </row>
    <row r="119" spans="8:19" ht="22.5" customHeight="1" x14ac:dyDescent="0.15">
      <c r="H119" s="19"/>
      <c r="I119" s="19"/>
      <c r="R119" s="19"/>
      <c r="S119" s="19"/>
    </row>
    <row r="120" spans="8:19" ht="22.5" customHeight="1" x14ac:dyDescent="0.15">
      <c r="H120" s="19"/>
      <c r="I120" s="19"/>
      <c r="R120" s="19"/>
      <c r="S120" s="19"/>
    </row>
    <row r="121" spans="8:19" ht="22.5" customHeight="1" x14ac:dyDescent="0.15">
      <c r="H121" s="19"/>
      <c r="I121" s="19"/>
      <c r="R121" s="19"/>
      <c r="S121" s="19"/>
    </row>
    <row r="122" spans="8:19" ht="22.5" customHeight="1" x14ac:dyDescent="0.15">
      <c r="H122" s="19"/>
      <c r="I122" s="19"/>
      <c r="R122" s="19"/>
      <c r="S122" s="19"/>
    </row>
    <row r="123" spans="8:19" ht="22.5" customHeight="1" x14ac:dyDescent="0.15">
      <c r="H123" s="19"/>
      <c r="I123" s="19"/>
      <c r="R123" s="19"/>
      <c r="S123" s="19"/>
    </row>
    <row r="124" spans="8:19" ht="22.5" customHeight="1" x14ac:dyDescent="0.15">
      <c r="H124" s="19"/>
      <c r="I124" s="19"/>
      <c r="R124" s="19"/>
      <c r="S124" s="19"/>
    </row>
    <row r="125" spans="8:19" ht="22.5" customHeight="1" x14ac:dyDescent="0.15">
      <c r="H125" s="19"/>
      <c r="I125" s="19"/>
      <c r="R125" s="19"/>
      <c r="S125" s="19"/>
    </row>
    <row r="126" spans="8:19" ht="22.5" customHeight="1" x14ac:dyDescent="0.15">
      <c r="H126" s="19"/>
      <c r="I126" s="19"/>
      <c r="R126" s="19"/>
      <c r="S126" s="19"/>
    </row>
    <row r="127" spans="8:19" ht="22.5" customHeight="1" x14ac:dyDescent="0.15">
      <c r="H127" s="19"/>
      <c r="I127" s="19"/>
      <c r="R127" s="19"/>
      <c r="S127" s="19"/>
    </row>
    <row r="128" spans="8:19" ht="22.5" customHeight="1" x14ac:dyDescent="0.15">
      <c r="H128" s="19"/>
      <c r="I128" s="19"/>
      <c r="R128" s="19"/>
      <c r="S128" s="19"/>
    </row>
    <row r="129" spans="8:19" ht="22.5" customHeight="1" x14ac:dyDescent="0.15">
      <c r="H129" s="19"/>
      <c r="I129" s="19"/>
      <c r="R129" s="19"/>
      <c r="S129" s="19"/>
    </row>
    <row r="130" spans="8:19" ht="22.5" customHeight="1" x14ac:dyDescent="0.15">
      <c r="H130" s="19"/>
      <c r="I130" s="19"/>
      <c r="R130" s="19"/>
      <c r="S130" s="19"/>
    </row>
    <row r="131" spans="8:19" ht="22.5" customHeight="1" x14ac:dyDescent="0.15">
      <c r="H131" s="19"/>
      <c r="I131" s="19"/>
      <c r="R131" s="19"/>
      <c r="S131" s="19"/>
    </row>
    <row r="132" spans="8:19" ht="22.5" customHeight="1" x14ac:dyDescent="0.15">
      <c r="H132" s="19"/>
      <c r="I132" s="19"/>
      <c r="R132" s="19"/>
      <c r="S132" s="19"/>
    </row>
    <row r="133" spans="8:19" ht="22.5" customHeight="1" x14ac:dyDescent="0.15">
      <c r="H133" s="19"/>
      <c r="I133" s="19"/>
      <c r="R133" s="19"/>
      <c r="S133" s="19"/>
    </row>
    <row r="134" spans="8:19" ht="22.5" customHeight="1" x14ac:dyDescent="0.15">
      <c r="H134" s="19"/>
      <c r="I134" s="19"/>
      <c r="R134" s="19"/>
      <c r="S134" s="19"/>
    </row>
    <row r="135" spans="8:19" ht="22.5" customHeight="1" x14ac:dyDescent="0.15">
      <c r="H135" s="19"/>
      <c r="I135" s="19"/>
      <c r="R135" s="19"/>
      <c r="S135" s="19"/>
    </row>
    <row r="136" spans="8:19" ht="22.5" customHeight="1" x14ac:dyDescent="0.15">
      <c r="H136" s="19"/>
      <c r="I136" s="19"/>
      <c r="R136" s="19"/>
      <c r="S136" s="19"/>
    </row>
    <row r="137" spans="8:19" ht="22.5" customHeight="1" x14ac:dyDescent="0.15">
      <c r="H137" s="19"/>
      <c r="I137" s="19"/>
      <c r="R137" s="19"/>
      <c r="S137" s="19"/>
    </row>
    <row r="138" spans="8:19" ht="22.5" customHeight="1" x14ac:dyDescent="0.15">
      <c r="H138" s="19"/>
      <c r="I138" s="19"/>
      <c r="R138" s="19"/>
      <c r="S138" s="19"/>
    </row>
    <row r="139" spans="8:19" ht="22.5" customHeight="1" x14ac:dyDescent="0.15">
      <c r="H139" s="19"/>
      <c r="I139" s="19"/>
      <c r="R139" s="19"/>
      <c r="S139" s="19"/>
    </row>
    <row r="140" spans="8:19" ht="22.5" customHeight="1" x14ac:dyDescent="0.15">
      <c r="H140" s="19"/>
      <c r="I140" s="19"/>
      <c r="R140" s="19"/>
      <c r="S140" s="19"/>
    </row>
    <row r="141" spans="8:19" ht="22.5" customHeight="1" x14ac:dyDescent="0.15">
      <c r="H141" s="19"/>
      <c r="I141" s="19"/>
      <c r="R141" s="19"/>
      <c r="S141" s="19"/>
    </row>
    <row r="142" spans="8:19" ht="22.5" customHeight="1" x14ac:dyDescent="0.15">
      <c r="H142" s="19"/>
      <c r="I142" s="19"/>
      <c r="R142" s="19"/>
      <c r="S142" s="19"/>
    </row>
    <row r="143" spans="8:19" ht="22.5" customHeight="1" x14ac:dyDescent="0.15">
      <c r="H143" s="19"/>
      <c r="I143" s="19"/>
      <c r="R143" s="19"/>
      <c r="S143" s="19"/>
    </row>
    <row r="144" spans="8:19" ht="22.5" customHeight="1" x14ac:dyDescent="0.15">
      <c r="H144" s="19"/>
      <c r="I144" s="19"/>
      <c r="R144" s="19"/>
      <c r="S144" s="19"/>
    </row>
    <row r="145" spans="8:19" ht="22.5" customHeight="1" x14ac:dyDescent="0.15">
      <c r="H145" s="19"/>
      <c r="I145" s="19"/>
      <c r="R145" s="19"/>
      <c r="S145" s="19"/>
    </row>
    <row r="146" spans="8:19" ht="22.5" customHeight="1" x14ac:dyDescent="0.15">
      <c r="H146" s="19"/>
      <c r="I146" s="19"/>
      <c r="R146" s="19"/>
      <c r="S146" s="19"/>
    </row>
    <row r="147" spans="8:19" ht="22.5" customHeight="1" x14ac:dyDescent="0.15">
      <c r="H147" s="19"/>
      <c r="I147" s="19"/>
      <c r="R147" s="19"/>
      <c r="S147" s="19"/>
    </row>
    <row r="148" spans="8:19" ht="22.5" customHeight="1" x14ac:dyDescent="0.15">
      <c r="H148" s="19"/>
      <c r="I148" s="19"/>
      <c r="R148" s="19"/>
      <c r="S148" s="19"/>
    </row>
    <row r="149" spans="8:19" ht="22.5" customHeight="1" x14ac:dyDescent="0.15">
      <c r="H149" s="19"/>
      <c r="I149" s="19"/>
      <c r="R149" s="19"/>
      <c r="S149" s="19"/>
    </row>
    <row r="150" spans="8:19" ht="22.5" customHeight="1" x14ac:dyDescent="0.15">
      <c r="H150" s="19"/>
      <c r="I150" s="19"/>
      <c r="R150" s="19"/>
      <c r="S150" s="19"/>
    </row>
    <row r="151" spans="8:19" ht="22.5" customHeight="1" x14ac:dyDescent="0.15">
      <c r="H151" s="19"/>
      <c r="I151" s="19"/>
      <c r="R151" s="19"/>
      <c r="S151" s="19"/>
    </row>
    <row r="152" spans="8:19" ht="22.5" customHeight="1" x14ac:dyDescent="0.15">
      <c r="H152" s="19"/>
      <c r="I152" s="19"/>
      <c r="R152" s="19"/>
      <c r="S152" s="19"/>
    </row>
    <row r="153" spans="8:19" ht="22.5" customHeight="1" x14ac:dyDescent="0.15">
      <c r="H153" s="19"/>
      <c r="I153" s="19"/>
      <c r="R153" s="19"/>
      <c r="S153" s="19"/>
    </row>
    <row r="154" spans="8:19" ht="22.5" customHeight="1" x14ac:dyDescent="0.15">
      <c r="H154" s="19"/>
      <c r="I154" s="19"/>
      <c r="R154" s="19"/>
      <c r="S154" s="19"/>
    </row>
    <row r="155" spans="8:19" ht="22.5" customHeight="1" x14ac:dyDescent="0.15">
      <c r="H155" s="19"/>
      <c r="I155" s="19"/>
      <c r="R155" s="19"/>
      <c r="S155" s="19"/>
    </row>
    <row r="156" spans="8:19" ht="22.5" customHeight="1" x14ac:dyDescent="0.15">
      <c r="H156" s="19"/>
      <c r="I156" s="19"/>
      <c r="R156" s="19"/>
      <c r="S156" s="19"/>
    </row>
    <row r="157" spans="8:19" ht="22.5" customHeight="1" x14ac:dyDescent="0.15">
      <c r="H157" s="19"/>
      <c r="I157" s="19"/>
      <c r="R157" s="19"/>
      <c r="S157" s="19"/>
    </row>
    <row r="158" spans="8:19" ht="22.5" customHeight="1" x14ac:dyDescent="0.15">
      <c r="H158" s="19"/>
      <c r="I158" s="19"/>
      <c r="R158" s="19"/>
      <c r="S158" s="19"/>
    </row>
    <row r="159" spans="8:19" ht="22.5" customHeight="1" x14ac:dyDescent="0.15">
      <c r="H159" s="19"/>
      <c r="I159" s="19"/>
      <c r="R159" s="19"/>
      <c r="S159" s="19"/>
    </row>
    <row r="160" spans="8:19" ht="22.5" customHeight="1" x14ac:dyDescent="0.15">
      <c r="H160" s="19"/>
      <c r="I160" s="19"/>
      <c r="R160" s="19"/>
      <c r="S160" s="19"/>
    </row>
    <row r="161" spans="8:19" ht="22.5" customHeight="1" x14ac:dyDescent="0.15">
      <c r="H161" s="19"/>
      <c r="I161" s="19"/>
      <c r="R161" s="19"/>
      <c r="S161" s="19"/>
    </row>
    <row r="162" spans="8:19" ht="22.5" customHeight="1" x14ac:dyDescent="0.15">
      <c r="H162" s="19"/>
      <c r="I162" s="19"/>
      <c r="R162" s="19"/>
      <c r="S162" s="19"/>
    </row>
    <row r="163" spans="8:19" ht="22.5" customHeight="1" x14ac:dyDescent="0.15">
      <c r="H163" s="19"/>
      <c r="I163" s="19"/>
      <c r="R163" s="19"/>
      <c r="S163" s="19"/>
    </row>
    <row r="164" spans="8:19" ht="22.5" customHeight="1" x14ac:dyDescent="0.15">
      <c r="H164" s="19"/>
      <c r="I164" s="19"/>
      <c r="R164" s="19"/>
      <c r="S164" s="19"/>
    </row>
    <row r="165" spans="8:19" ht="22.5" customHeight="1" x14ac:dyDescent="0.15">
      <c r="H165" s="19"/>
      <c r="I165" s="19"/>
      <c r="R165" s="19"/>
      <c r="S165" s="19"/>
    </row>
    <row r="166" spans="8:19" ht="22.5" customHeight="1" x14ac:dyDescent="0.15">
      <c r="H166" s="19"/>
      <c r="I166" s="19"/>
      <c r="R166" s="19"/>
      <c r="S166" s="19"/>
    </row>
    <row r="167" spans="8:19" ht="22.5" customHeight="1" x14ac:dyDescent="0.15">
      <c r="H167" s="19"/>
      <c r="I167" s="19"/>
      <c r="R167" s="19"/>
      <c r="S167" s="19"/>
    </row>
    <row r="168" spans="8:19" ht="22.5" customHeight="1" x14ac:dyDescent="0.15">
      <c r="H168" s="19"/>
      <c r="I168" s="19"/>
      <c r="R168" s="19"/>
      <c r="S168" s="19"/>
    </row>
    <row r="169" spans="8:19" ht="22.5" customHeight="1" x14ac:dyDescent="0.15">
      <c r="H169" s="19"/>
      <c r="I169" s="19"/>
      <c r="R169" s="19"/>
      <c r="S169" s="19"/>
    </row>
    <row r="170" spans="8:19" ht="22.5" customHeight="1" x14ac:dyDescent="0.15">
      <c r="H170" s="19"/>
      <c r="I170" s="19"/>
      <c r="R170" s="19"/>
      <c r="S170" s="19"/>
    </row>
    <row r="171" spans="8:19" ht="22.5" customHeight="1" x14ac:dyDescent="0.15">
      <c r="H171" s="19"/>
      <c r="I171" s="19"/>
      <c r="R171" s="19"/>
      <c r="S171" s="19"/>
    </row>
    <row r="172" spans="8:19" ht="22.5" customHeight="1" x14ac:dyDescent="0.15">
      <c r="H172" s="19"/>
      <c r="I172" s="19"/>
      <c r="R172" s="19"/>
      <c r="S172" s="19"/>
    </row>
    <row r="173" spans="8:19" ht="22.5" customHeight="1" x14ac:dyDescent="0.15">
      <c r="H173" s="19"/>
      <c r="I173" s="19"/>
      <c r="R173" s="19"/>
      <c r="S173" s="19"/>
    </row>
    <row r="174" spans="8:19" ht="22.5" customHeight="1" x14ac:dyDescent="0.15">
      <c r="H174" s="19"/>
      <c r="I174" s="19"/>
      <c r="R174" s="19"/>
      <c r="S174" s="19"/>
    </row>
    <row r="175" spans="8:19" ht="22.5" customHeight="1" x14ac:dyDescent="0.15">
      <c r="H175" s="19"/>
      <c r="I175" s="19"/>
      <c r="R175" s="19"/>
      <c r="S175" s="19"/>
    </row>
    <row r="176" spans="8:19" ht="22.5" customHeight="1" x14ac:dyDescent="0.15">
      <c r="H176" s="19"/>
      <c r="I176" s="19"/>
      <c r="R176" s="19"/>
      <c r="S176" s="19"/>
    </row>
    <row r="177" spans="8:19" ht="22.5" customHeight="1" x14ac:dyDescent="0.15">
      <c r="H177" s="19"/>
      <c r="I177" s="19"/>
      <c r="R177" s="19"/>
      <c r="S177" s="19"/>
    </row>
    <row r="178" spans="8:19" ht="22.5" customHeight="1" x14ac:dyDescent="0.15">
      <c r="H178" s="19"/>
      <c r="I178" s="19"/>
      <c r="R178" s="19"/>
      <c r="S178" s="19"/>
    </row>
    <row r="179" spans="8:19" ht="22.5" customHeight="1" x14ac:dyDescent="0.15">
      <c r="H179" s="19"/>
      <c r="I179" s="19"/>
      <c r="R179" s="19"/>
      <c r="S179" s="19"/>
    </row>
    <row r="180" spans="8:19" ht="22.5" customHeight="1" x14ac:dyDescent="0.15">
      <c r="H180" s="19"/>
      <c r="I180" s="19"/>
      <c r="R180" s="19"/>
      <c r="S180" s="19"/>
    </row>
    <row r="181" spans="8:19" ht="22.5" customHeight="1" x14ac:dyDescent="0.15">
      <c r="H181" s="19"/>
      <c r="I181" s="19"/>
      <c r="R181" s="19"/>
      <c r="S181" s="19"/>
    </row>
    <row r="182" spans="8:19" ht="22.5" customHeight="1" x14ac:dyDescent="0.15">
      <c r="H182" s="19"/>
      <c r="I182" s="19"/>
      <c r="R182" s="19"/>
      <c r="S182" s="19"/>
    </row>
    <row r="183" spans="8:19" ht="22.5" customHeight="1" x14ac:dyDescent="0.15">
      <c r="H183" s="19"/>
      <c r="I183" s="19"/>
      <c r="R183" s="19"/>
      <c r="S183" s="19"/>
    </row>
    <row r="184" spans="8:19" ht="22.5" customHeight="1" x14ac:dyDescent="0.15">
      <c r="H184" s="19"/>
      <c r="I184" s="19"/>
      <c r="R184" s="19"/>
      <c r="S184" s="19"/>
    </row>
    <row r="185" spans="8:19" ht="22.5" customHeight="1" x14ac:dyDescent="0.15">
      <c r="H185" s="19"/>
      <c r="I185" s="19"/>
      <c r="R185" s="19"/>
      <c r="S185" s="19"/>
    </row>
    <row r="186" spans="8:19" ht="22.5" customHeight="1" x14ac:dyDescent="0.15">
      <c r="H186" s="19"/>
      <c r="I186" s="19"/>
      <c r="R186" s="19"/>
      <c r="S186" s="19"/>
    </row>
    <row r="187" spans="8:19" ht="22.5" customHeight="1" x14ac:dyDescent="0.15">
      <c r="H187" s="19"/>
      <c r="I187" s="19"/>
      <c r="R187" s="19"/>
      <c r="S187" s="19"/>
    </row>
    <row r="188" spans="8:19" ht="22.5" customHeight="1" x14ac:dyDescent="0.15">
      <c r="H188" s="19"/>
      <c r="I188" s="19"/>
      <c r="R188" s="19"/>
      <c r="S188" s="19"/>
    </row>
    <row r="189" spans="8:19" ht="22.5" customHeight="1" x14ac:dyDescent="0.15">
      <c r="H189" s="19"/>
      <c r="I189" s="19"/>
      <c r="R189" s="19"/>
      <c r="S189" s="19"/>
    </row>
    <row r="190" spans="8:19" ht="22.5" customHeight="1" x14ac:dyDescent="0.15">
      <c r="H190" s="19"/>
      <c r="I190" s="19"/>
      <c r="R190" s="19"/>
      <c r="S190" s="19"/>
    </row>
    <row r="191" spans="8:19" ht="22.5" customHeight="1" x14ac:dyDescent="0.15">
      <c r="H191" s="19"/>
      <c r="I191" s="19"/>
      <c r="R191" s="19"/>
      <c r="S191" s="19"/>
    </row>
    <row r="192" spans="8:19" ht="22.5" customHeight="1" x14ac:dyDescent="0.15">
      <c r="H192" s="19"/>
      <c r="I192" s="19"/>
      <c r="R192" s="19"/>
      <c r="S192" s="19"/>
    </row>
    <row r="193" spans="8:19" ht="22.5" customHeight="1" x14ac:dyDescent="0.15">
      <c r="H193" s="19"/>
      <c r="I193" s="19"/>
      <c r="R193" s="19"/>
      <c r="S193" s="19"/>
    </row>
  </sheetData>
  <sheetProtection selectLockedCells="1" selectUnlockedCells="1"/>
  <mergeCells count="5">
    <mergeCell ref="A1:G1"/>
    <mergeCell ref="A5:S5"/>
    <mergeCell ref="A6:S6"/>
    <mergeCell ref="K7:M7"/>
    <mergeCell ref="A8:C8"/>
  </mergeCells>
  <phoneticPr fontId="24"/>
  <printOptions horizontalCentered="1"/>
  <pageMargins left="0.19685039370078741" right="0.19685039370078741" top="0.31496062992125984" bottom="0.19685039370078741" header="0.11811023622047245" footer="0.11811023622047245"/>
  <pageSetup paperSize="9" scale="58" firstPageNumber="115" orientation="portrait" blackAndWhite="1" useFirstPageNumber="1" r:id="rId1"/>
  <headerFooter>
    <oddFooter>&amp;C&amp;"ＭＳ Ｐ明朝,標準"&amp;20&amp;P</oddFooter>
  </headerFooter>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7"/>
  <sheetViews>
    <sheetView showGridLines="0" view="pageBreakPreview" zoomScaleNormal="50" zoomScaleSheetLayoutView="10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534</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219"/>
      <c r="C6" s="219"/>
      <c r="D6" s="219"/>
      <c r="E6" s="219"/>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220"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218"/>
      <c r="C18" s="218"/>
      <c r="D18" s="218"/>
      <c r="E18" s="218"/>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3</v>
      </c>
    </row>
    <row r="27" spans="2:6" s="172" customFormat="1" ht="20.25" x14ac:dyDescent="0.15">
      <c r="B27" s="168"/>
      <c r="D27" s="173"/>
    </row>
    <row r="28" spans="2:6" s="172" customFormat="1" ht="20.25" x14ac:dyDescent="0.15">
      <c r="B28" s="168" t="s">
        <v>375</v>
      </c>
    </row>
    <row r="29" spans="2:6" s="172" customFormat="1" ht="20.25" customHeight="1" x14ac:dyDescent="0.15">
      <c r="B29" s="168"/>
      <c r="C29" s="217"/>
      <c r="D29" s="217"/>
      <c r="E29" s="217"/>
    </row>
    <row r="30" spans="2:6" s="172" customFormat="1" ht="20.25" customHeight="1" x14ac:dyDescent="0.15">
      <c r="B30" s="168"/>
      <c r="C30" s="245" t="s">
        <v>544</v>
      </c>
      <c r="D30" s="245"/>
      <c r="E30" s="245"/>
      <c r="F30" s="246"/>
    </row>
    <row r="31" spans="2:6" s="172" customFormat="1" ht="20.25" x14ac:dyDescent="0.15">
      <c r="B31" s="168"/>
      <c r="C31" s="246"/>
      <c r="D31" s="246"/>
      <c r="E31" s="246"/>
      <c r="F31" s="246"/>
    </row>
    <row r="32" spans="2:6" s="172" customFormat="1" ht="20.25" x14ac:dyDescent="0.15">
      <c r="B32" s="168" t="s">
        <v>376</v>
      </c>
      <c r="C32" s="246"/>
      <c r="D32" s="246"/>
      <c r="E32" s="246"/>
      <c r="F32" s="246"/>
    </row>
    <row r="33" spans="2:6" s="172" customFormat="1" ht="20.25" customHeight="1" x14ac:dyDescent="0.15">
      <c r="B33" s="168"/>
      <c r="C33" s="245"/>
      <c r="D33" s="245"/>
      <c r="E33" s="245"/>
      <c r="F33" s="246"/>
    </row>
    <row r="34" spans="2:6" s="172" customFormat="1" ht="20.25" x14ac:dyDescent="0.15">
      <c r="B34" s="168"/>
      <c r="C34" s="217" t="s">
        <v>545</v>
      </c>
      <c r="D34" s="217"/>
      <c r="E34" s="217"/>
    </row>
    <row r="35" spans="2:6" s="172" customFormat="1" ht="37.5" customHeight="1" x14ac:dyDescent="0.15">
      <c r="B35" s="168"/>
      <c r="C35" s="228"/>
      <c r="D35" s="224"/>
      <c r="E35" s="222"/>
    </row>
    <row r="36" spans="2:6" s="172" customFormat="1" ht="37.5" customHeight="1" x14ac:dyDescent="0.15">
      <c r="B36" s="168"/>
      <c r="C36" s="228"/>
      <c r="D36" s="229"/>
      <c r="E36" s="222"/>
    </row>
    <row r="37" spans="2:6" s="172" customFormat="1" ht="37.5" customHeight="1" x14ac:dyDescent="0.15">
      <c r="B37" s="168"/>
      <c r="C37" s="228"/>
      <c r="D37" s="225"/>
      <c r="E37" s="222"/>
    </row>
    <row r="38" spans="2:6" s="172" customFormat="1" ht="37.5" customHeight="1" x14ac:dyDescent="0.15">
      <c r="B38" s="168"/>
      <c r="C38" s="224"/>
      <c r="D38" s="225"/>
      <c r="E38" s="222"/>
    </row>
    <row r="39" spans="2:6" s="172" customFormat="1" ht="20.25" x14ac:dyDescent="0.15">
      <c r="B39" s="168"/>
      <c r="C39" s="177"/>
      <c r="D39" s="177"/>
    </row>
    <row r="40" spans="2:6" s="172" customFormat="1" ht="20.25" x14ac:dyDescent="0.15">
      <c r="B40" s="168"/>
    </row>
    <row r="41" spans="2:6" s="172" customFormat="1" ht="20.25" customHeight="1" x14ac:dyDescent="0.15">
      <c r="B41" s="168"/>
      <c r="C41" s="217"/>
      <c r="D41" s="217"/>
      <c r="E41" s="217"/>
    </row>
    <row r="42" spans="2:6" s="172" customFormat="1" ht="20.25" x14ac:dyDescent="0.15">
      <c r="B42" s="168"/>
      <c r="C42" s="227"/>
      <c r="D42" s="227"/>
      <c r="E42" s="227"/>
      <c r="F42" s="222"/>
    </row>
    <row r="43" spans="2:6" s="172" customFormat="1" ht="20.25" customHeight="1" x14ac:dyDescent="0.15">
      <c r="B43" s="168"/>
      <c r="C43" s="227"/>
      <c r="D43" s="227"/>
      <c r="E43" s="227"/>
      <c r="F43" s="222"/>
    </row>
    <row r="44" spans="2:6" s="172" customFormat="1" ht="20.25" x14ac:dyDescent="0.15">
      <c r="B44" s="168"/>
      <c r="C44" s="222"/>
      <c r="D44" s="222"/>
      <c r="E44" s="222"/>
      <c r="F44" s="222"/>
    </row>
    <row r="45" spans="2:6" s="172" customFormat="1" ht="20.25" x14ac:dyDescent="0.15">
      <c r="B45" s="168"/>
      <c r="C45" s="222"/>
      <c r="D45" s="222"/>
      <c r="E45" s="223"/>
      <c r="F45" s="222"/>
    </row>
    <row r="46" spans="2:6" s="172" customFormat="1" ht="20.25" x14ac:dyDescent="0.15">
      <c r="B46" s="168"/>
      <c r="C46" s="224"/>
      <c r="D46" s="224"/>
      <c r="E46" s="224"/>
      <c r="F46" s="222"/>
    </row>
    <row r="47" spans="2:6" s="172" customFormat="1" ht="93" customHeight="1" x14ac:dyDescent="0.15">
      <c r="B47" s="168"/>
      <c r="C47" s="224"/>
      <c r="D47" s="225"/>
      <c r="E47" s="226"/>
      <c r="F47" s="222"/>
    </row>
    <row r="48" spans="2:6" s="172" customFormat="1" ht="20.25" customHeight="1" x14ac:dyDescent="0.15">
      <c r="B48" s="168"/>
      <c r="C48" s="222"/>
      <c r="D48" s="222"/>
      <c r="E48" s="222"/>
      <c r="F48" s="222"/>
    </row>
    <row r="49" spans="2:6" s="172" customFormat="1" ht="20.25" x14ac:dyDescent="0.15">
      <c r="B49" s="168"/>
      <c r="C49" s="177"/>
      <c r="D49" s="177"/>
      <c r="E49" s="177"/>
      <c r="F49" s="222"/>
    </row>
    <row r="50" spans="2:6" s="172" customFormat="1" ht="20.25" customHeight="1" x14ac:dyDescent="0.15">
      <c r="B50" s="168"/>
      <c r="C50" s="350"/>
      <c r="D50" s="350"/>
      <c r="E50" s="350"/>
      <c r="F50" s="222"/>
    </row>
    <row r="51" spans="2:6" s="172" customFormat="1" ht="20.25" customHeight="1" x14ac:dyDescent="0.15">
      <c r="B51" s="168"/>
      <c r="C51" s="350"/>
      <c r="D51" s="350"/>
      <c r="E51" s="350"/>
      <c r="F51" s="222"/>
    </row>
    <row r="52" spans="2:6" s="172" customFormat="1" ht="20.25" customHeight="1" x14ac:dyDescent="0.15">
      <c r="B52" s="168"/>
      <c r="C52" s="349"/>
      <c r="D52" s="349"/>
      <c r="E52" s="349"/>
      <c r="F52" s="222"/>
    </row>
    <row r="53" spans="2:6" s="172" customFormat="1" ht="20.25" customHeight="1" x14ac:dyDescent="0.15">
      <c r="B53" s="168"/>
      <c r="C53" s="227"/>
      <c r="D53" s="227"/>
      <c r="E53" s="227"/>
      <c r="F53" s="222"/>
    </row>
    <row r="54" spans="2:6" s="172" customFormat="1" ht="20.25" customHeight="1" x14ac:dyDescent="0.15">
      <c r="B54" s="181"/>
      <c r="C54" s="350"/>
      <c r="D54" s="350"/>
      <c r="E54" s="350"/>
      <c r="F54" s="222"/>
    </row>
    <row r="55" spans="2:6" s="172" customFormat="1" ht="20.25" customHeight="1" x14ac:dyDescent="0.15">
      <c r="B55" s="168"/>
      <c r="C55" s="350"/>
      <c r="D55" s="350"/>
      <c r="E55" s="350"/>
      <c r="F55" s="222"/>
    </row>
    <row r="56" spans="2:6" s="172" customFormat="1" ht="20.25" customHeight="1" x14ac:dyDescent="0.15">
      <c r="B56" s="168"/>
      <c r="C56" s="350"/>
      <c r="D56" s="350"/>
      <c r="E56" s="350"/>
      <c r="F56" s="222"/>
    </row>
    <row r="57" spans="2:6" s="172" customFormat="1" ht="20.25" customHeight="1" x14ac:dyDescent="0.15">
      <c r="B57" s="168"/>
      <c r="C57" s="350"/>
      <c r="D57" s="350"/>
      <c r="E57" s="350"/>
      <c r="F57" s="222"/>
    </row>
    <row r="58" spans="2:6" s="172" customFormat="1" ht="20.25" customHeight="1" x14ac:dyDescent="0.15">
      <c r="B58" s="168"/>
      <c r="C58" s="282"/>
      <c r="D58" s="282"/>
      <c r="E58" s="282"/>
    </row>
    <row r="59" spans="2:6" s="172" customFormat="1" ht="20.25" customHeight="1" x14ac:dyDescent="0.15">
      <c r="B59" s="168"/>
      <c r="C59" s="283"/>
      <c r="D59" s="283"/>
      <c r="E59" s="217"/>
    </row>
    <row r="60" spans="2:6" s="172" customFormat="1" ht="20.25" customHeight="1" x14ac:dyDescent="0.15">
      <c r="B60" s="181"/>
      <c r="C60" s="281"/>
      <c r="D60" s="281"/>
      <c r="E60" s="281"/>
    </row>
    <row r="61" spans="2:6" s="172" customFormat="1" ht="20.25" customHeight="1" x14ac:dyDescent="0.15">
      <c r="B61" s="168"/>
      <c r="C61" s="281"/>
      <c r="D61" s="281"/>
      <c r="E61" s="281"/>
    </row>
    <row r="62" spans="2:6" s="172" customFormat="1" ht="20.25" customHeight="1" x14ac:dyDescent="0.15">
      <c r="B62" s="168"/>
      <c r="C62" s="217"/>
      <c r="D62" s="217"/>
      <c r="E62" s="217"/>
    </row>
    <row r="63" spans="2:6" s="172" customFormat="1" ht="20.25" customHeight="1" x14ac:dyDescent="0.15">
      <c r="B63" s="168"/>
      <c r="C63" s="217"/>
      <c r="D63" s="217"/>
      <c r="E63" s="217"/>
    </row>
    <row r="64" spans="2:6" s="172" customFormat="1" ht="48" customHeight="1" x14ac:dyDescent="0.15">
      <c r="B64" s="168"/>
      <c r="C64" s="182"/>
      <c r="D64" s="182"/>
      <c r="E64" s="182"/>
    </row>
    <row r="65" spans="3:5" s="198" customFormat="1" ht="22.5" customHeight="1" x14ac:dyDescent="0.15">
      <c r="C65" s="195"/>
      <c r="D65" s="195"/>
      <c r="E65" s="195"/>
    </row>
    <row r="66" spans="3:5" s="198" customFormat="1" ht="22.5" customHeight="1" x14ac:dyDescent="0.15">
      <c r="C66" s="195"/>
      <c r="D66" s="195"/>
      <c r="E66" s="195"/>
    </row>
    <row r="67" spans="3:5" s="198" customFormat="1" ht="21" customHeight="1" x14ac:dyDescent="0.15">
      <c r="C67" s="195"/>
      <c r="D67" s="195"/>
      <c r="E67" s="195"/>
    </row>
  </sheetData>
  <mergeCells count="16">
    <mergeCell ref="D12:E12"/>
    <mergeCell ref="A1:C1"/>
    <mergeCell ref="B5:E5"/>
    <mergeCell ref="D9:E9"/>
    <mergeCell ref="D10:E10"/>
    <mergeCell ref="D11:E11"/>
    <mergeCell ref="C54:E57"/>
    <mergeCell ref="C58:E58"/>
    <mergeCell ref="C59:D59"/>
    <mergeCell ref="C60:E61"/>
    <mergeCell ref="B13:E13"/>
    <mergeCell ref="B17:E17"/>
    <mergeCell ref="D21:E21"/>
    <mergeCell ref="D22:E22"/>
    <mergeCell ref="C50:E51"/>
    <mergeCell ref="C52:E52"/>
  </mergeCells>
  <phoneticPr fontId="24"/>
  <printOptions horizontalCentered="1"/>
  <pageMargins left="0.19685039370078741" right="0.19685039370078741" top="0.31496062992125984" bottom="0.19685039370078741" header="0.11811023622047245" footer="0.11811023622047245"/>
  <pageSetup paperSize="9" scale="58" firstPageNumber="116" fitToHeight="0" orientation="portrait" useFirstPageNumber="1" r:id="rId1"/>
  <headerFooter>
    <oddFooter>&amp;C&amp;"ＭＳ Ｐ明朝,標準"&amp;20&amp;P</oddFooter>
  </headerFooter>
  <rowBreaks count="1" manualBreakCount="1">
    <brk id="12" max="5" man="1"/>
  </rowBreaks>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ht="21" x14ac:dyDescent="0.15">
      <c r="A1" s="275" t="s">
        <v>534</v>
      </c>
      <c r="B1" s="275"/>
      <c r="C1" s="275"/>
      <c r="D1" s="275"/>
      <c r="E1" s="275"/>
      <c r="F1" s="275"/>
      <c r="G1" s="275"/>
      <c r="H1" s="275"/>
      <c r="I1" s="275"/>
      <c r="J1" s="275"/>
      <c r="K1" s="275"/>
      <c r="L1" s="102"/>
      <c r="M1" s="102"/>
      <c r="N1" s="102"/>
      <c r="O1" s="102"/>
      <c r="P1" s="102"/>
    </row>
    <row r="2" spans="1:16" ht="24" x14ac:dyDescent="0.15">
      <c r="A2" s="1"/>
      <c r="B2" s="103"/>
      <c r="C2" s="1"/>
      <c r="D2" s="1"/>
      <c r="E2" s="1"/>
      <c r="F2" s="1"/>
      <c r="G2" s="1"/>
      <c r="H2" s="1"/>
      <c r="I2" s="1"/>
      <c r="J2" s="1"/>
      <c r="K2" s="1"/>
      <c r="L2" s="1"/>
      <c r="M2" s="1"/>
      <c r="N2" s="1"/>
      <c r="O2" s="1"/>
      <c r="P2" s="1"/>
    </row>
    <row r="3" spans="1:16" ht="22.5" customHeight="1" x14ac:dyDescent="0.15">
      <c r="A3" s="1"/>
      <c r="B3" s="103"/>
      <c r="C3" s="1"/>
      <c r="D3" s="1"/>
      <c r="E3" s="1"/>
      <c r="F3" s="1"/>
      <c r="G3" s="1"/>
      <c r="H3" s="1"/>
      <c r="I3" s="1"/>
      <c r="J3" s="1"/>
      <c r="K3" s="1"/>
      <c r="L3" s="1"/>
      <c r="M3" s="1"/>
      <c r="N3" s="1"/>
      <c r="O3" s="1"/>
      <c r="P3" s="1"/>
    </row>
    <row r="4" spans="1:16" ht="22.5" customHeight="1" x14ac:dyDescent="0.15">
      <c r="A4" s="1"/>
      <c r="B4" s="103"/>
      <c r="C4" s="1"/>
      <c r="D4" s="1"/>
      <c r="E4" s="1"/>
      <c r="F4" s="1"/>
      <c r="G4" s="1"/>
      <c r="H4" s="1"/>
      <c r="I4" s="1"/>
      <c r="J4" s="1"/>
      <c r="K4" s="1"/>
      <c r="L4" s="1"/>
      <c r="M4" s="1"/>
      <c r="N4" s="1"/>
      <c r="O4" s="1"/>
      <c r="P4" s="1"/>
    </row>
    <row r="5" spans="1:16" ht="28.5" customHeight="1" x14ac:dyDescent="0.15">
      <c r="A5" s="293" t="s">
        <v>351</v>
      </c>
      <c r="B5" s="293"/>
      <c r="C5" s="293"/>
      <c r="D5" s="293"/>
      <c r="E5" s="293"/>
      <c r="F5" s="293"/>
      <c r="G5" s="293"/>
      <c r="H5" s="293"/>
      <c r="I5" s="293"/>
      <c r="J5" s="293"/>
      <c r="K5" s="293"/>
      <c r="L5" s="294" t="s">
        <v>28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5"/>
      <c r="C14" s="235"/>
      <c r="D14" s="235"/>
      <c r="E14" s="235"/>
      <c r="F14" s="235"/>
      <c r="G14" s="235"/>
      <c r="H14" s="235"/>
      <c r="I14" s="235"/>
      <c r="J14" s="235"/>
      <c r="K14" s="235"/>
      <c r="L14" s="236"/>
      <c r="M14" s="236"/>
      <c r="N14" s="236"/>
      <c r="O14" s="236"/>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0</v>
      </c>
      <c r="J18" s="85">
        <v>0</v>
      </c>
      <c r="K18" s="85">
        <v>0</v>
      </c>
      <c r="L18" s="84">
        <v>0</v>
      </c>
      <c r="M18" s="84">
        <v>0</v>
      </c>
      <c r="N18" s="84">
        <v>0</v>
      </c>
      <c r="O18" s="84">
        <v>0</v>
      </c>
    </row>
    <row r="19" spans="2:15" ht="21.95" customHeight="1" x14ac:dyDescent="0.15">
      <c r="B19" s="81"/>
      <c r="C19" s="82" t="s">
        <v>16</v>
      </c>
      <c r="D19" s="82"/>
      <c r="E19" s="82"/>
      <c r="F19" s="82"/>
      <c r="G19" s="82"/>
      <c r="H19" s="83"/>
      <c r="I19" s="84">
        <v>0</v>
      </c>
      <c r="J19" s="85">
        <v>0</v>
      </c>
      <c r="K19" s="85">
        <v>0</v>
      </c>
      <c r="L19" s="84">
        <v>0</v>
      </c>
      <c r="M19" s="84">
        <v>0</v>
      </c>
      <c r="N19" s="84">
        <v>0</v>
      </c>
      <c r="O19" s="84">
        <v>0</v>
      </c>
    </row>
    <row r="20" spans="2:15" ht="21.95" customHeight="1" x14ac:dyDescent="0.15">
      <c r="B20" s="81"/>
      <c r="C20" s="82"/>
      <c r="D20" s="82" t="s">
        <v>17</v>
      </c>
      <c r="E20" s="82"/>
      <c r="F20" s="82"/>
      <c r="G20" s="82"/>
      <c r="H20" s="83"/>
      <c r="I20" s="84">
        <v>0</v>
      </c>
      <c r="J20" s="85">
        <v>0</v>
      </c>
      <c r="K20" s="85">
        <v>0</v>
      </c>
      <c r="L20" s="84">
        <v>0</v>
      </c>
      <c r="M20" s="84">
        <v>0</v>
      </c>
      <c r="N20" s="84">
        <v>0</v>
      </c>
      <c r="O20" s="84">
        <v>0</v>
      </c>
    </row>
    <row r="21" spans="2:15" ht="21.95" customHeight="1" x14ac:dyDescent="0.15">
      <c r="B21" s="81"/>
      <c r="C21" s="82"/>
      <c r="D21" s="82" t="s">
        <v>18</v>
      </c>
      <c r="E21" s="82"/>
      <c r="F21" s="82"/>
      <c r="G21" s="82"/>
      <c r="H21" s="83"/>
      <c r="I21" s="84">
        <v>0</v>
      </c>
      <c r="J21" s="85">
        <v>0</v>
      </c>
      <c r="K21" s="85">
        <v>0</v>
      </c>
      <c r="L21" s="84">
        <v>0</v>
      </c>
      <c r="M21" s="84">
        <v>0</v>
      </c>
      <c r="N21" s="84">
        <v>0</v>
      </c>
      <c r="O21" s="84">
        <v>0</v>
      </c>
    </row>
    <row r="22" spans="2:15" ht="21.75" customHeight="1" x14ac:dyDescent="0.15">
      <c r="B22" s="81"/>
      <c r="C22" s="82"/>
      <c r="D22" s="82" t="s">
        <v>19</v>
      </c>
      <c r="E22" s="82"/>
      <c r="F22" s="82"/>
      <c r="G22" s="82"/>
      <c r="H22" s="83"/>
      <c r="I22" s="84">
        <v>0</v>
      </c>
      <c r="J22" s="85">
        <v>0</v>
      </c>
      <c r="K22" s="85">
        <v>0</v>
      </c>
      <c r="L22" s="84">
        <v>0</v>
      </c>
      <c r="M22" s="84">
        <v>0</v>
      </c>
      <c r="N22" s="84">
        <v>0</v>
      </c>
      <c r="O22" s="84">
        <v>0</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0</v>
      </c>
      <c r="J24" s="85">
        <v>0</v>
      </c>
      <c r="K24" s="85">
        <v>0</v>
      </c>
      <c r="L24" s="84">
        <v>0</v>
      </c>
      <c r="M24" s="84">
        <v>0</v>
      </c>
      <c r="N24" s="84">
        <v>0</v>
      </c>
      <c r="O24" s="84">
        <v>0</v>
      </c>
    </row>
    <row r="25" spans="2:15" ht="21.95" customHeight="1" x14ac:dyDescent="0.15">
      <c r="B25" s="81"/>
      <c r="C25" s="82"/>
      <c r="D25" s="82" t="s">
        <v>22</v>
      </c>
      <c r="E25" s="82"/>
      <c r="F25" s="82"/>
      <c r="G25" s="82"/>
      <c r="H25" s="83"/>
      <c r="I25" s="84">
        <v>0</v>
      </c>
      <c r="J25" s="85">
        <v>0</v>
      </c>
      <c r="K25" s="85">
        <v>0</v>
      </c>
      <c r="L25" s="84">
        <v>0</v>
      </c>
      <c r="M25" s="84">
        <v>0</v>
      </c>
      <c r="N25" s="84">
        <v>0</v>
      </c>
      <c r="O25" s="84">
        <v>0</v>
      </c>
    </row>
    <row r="26" spans="2:15" ht="21.95" customHeight="1" x14ac:dyDescent="0.15">
      <c r="B26" s="81"/>
      <c r="C26" s="82"/>
      <c r="D26" s="82" t="s">
        <v>23</v>
      </c>
      <c r="E26" s="82"/>
      <c r="F26" s="82"/>
      <c r="G26" s="82"/>
      <c r="H26" s="83"/>
      <c r="I26" s="84">
        <v>0</v>
      </c>
      <c r="J26" s="85">
        <v>0</v>
      </c>
      <c r="K26" s="85">
        <v>0</v>
      </c>
      <c r="L26" s="84">
        <v>0</v>
      </c>
      <c r="M26" s="84">
        <v>0</v>
      </c>
      <c r="N26" s="84">
        <v>0</v>
      </c>
      <c r="O26" s="84">
        <v>0</v>
      </c>
    </row>
    <row r="27" spans="2:15" ht="21.95" customHeight="1" x14ac:dyDescent="0.15">
      <c r="B27" s="189"/>
      <c r="C27" s="190" t="s">
        <v>24</v>
      </c>
      <c r="D27" s="190"/>
      <c r="E27" s="190"/>
      <c r="F27" s="190"/>
      <c r="G27" s="190"/>
      <c r="H27" s="191"/>
      <c r="I27" s="84">
        <v>0</v>
      </c>
      <c r="J27" s="85">
        <v>0</v>
      </c>
      <c r="K27" s="85">
        <v>0</v>
      </c>
      <c r="L27" s="84">
        <v>0</v>
      </c>
      <c r="M27" s="84">
        <v>0</v>
      </c>
      <c r="N27" s="84">
        <v>0</v>
      </c>
      <c r="O27" s="84">
        <v>0</v>
      </c>
    </row>
    <row r="28" spans="2:15" ht="21.95" customHeight="1" x14ac:dyDescent="0.15">
      <c r="B28" s="189"/>
      <c r="C28" s="190"/>
      <c r="D28" s="190" t="s">
        <v>25</v>
      </c>
      <c r="E28" s="190"/>
      <c r="F28" s="190"/>
      <c r="G28" s="190"/>
      <c r="H28" s="191"/>
      <c r="I28" s="84">
        <v>0</v>
      </c>
      <c r="J28" s="85">
        <v>0</v>
      </c>
      <c r="K28" s="85">
        <v>0</v>
      </c>
      <c r="L28" s="84">
        <v>0</v>
      </c>
      <c r="M28" s="84">
        <v>0</v>
      </c>
      <c r="N28" s="84">
        <v>0</v>
      </c>
      <c r="O28" s="84">
        <v>0</v>
      </c>
    </row>
    <row r="29" spans="2:15" ht="21.95" customHeight="1" x14ac:dyDescent="0.15">
      <c r="B29" s="189"/>
      <c r="C29" s="190"/>
      <c r="D29" s="190" t="s">
        <v>26</v>
      </c>
      <c r="E29" s="190"/>
      <c r="F29" s="190"/>
      <c r="G29" s="190"/>
      <c r="H29" s="191"/>
      <c r="I29" s="84">
        <v>0</v>
      </c>
      <c r="J29" s="85">
        <v>0</v>
      </c>
      <c r="K29" s="85">
        <v>0</v>
      </c>
      <c r="L29" s="84">
        <v>0</v>
      </c>
      <c r="M29" s="84">
        <v>0</v>
      </c>
      <c r="N29" s="84">
        <v>0</v>
      </c>
      <c r="O29" s="84">
        <v>0</v>
      </c>
    </row>
    <row r="30" spans="2:15" ht="21.95" customHeight="1" x14ac:dyDescent="0.15">
      <c r="B30" s="81" t="s">
        <v>27</v>
      </c>
      <c r="C30" s="82"/>
      <c r="D30" s="82"/>
      <c r="E30" s="82"/>
      <c r="F30" s="82"/>
      <c r="G30" s="82"/>
      <c r="H30" s="83"/>
      <c r="I30" s="84">
        <v>0</v>
      </c>
      <c r="J30" s="85">
        <v>0</v>
      </c>
      <c r="K30" s="85">
        <v>0</v>
      </c>
      <c r="L30" s="84">
        <v>0</v>
      </c>
      <c r="M30" s="84">
        <v>0</v>
      </c>
      <c r="N30" s="84">
        <v>0</v>
      </c>
      <c r="O30" s="84">
        <v>0</v>
      </c>
    </row>
    <row r="31" spans="2:15" ht="21.95" customHeight="1" x14ac:dyDescent="0.15">
      <c r="B31" s="81"/>
      <c r="C31" s="82" t="s">
        <v>28</v>
      </c>
      <c r="D31" s="82"/>
      <c r="E31" s="82"/>
      <c r="F31" s="82"/>
      <c r="G31" s="82"/>
      <c r="H31" s="83"/>
      <c r="I31" s="84">
        <v>0</v>
      </c>
      <c r="J31" s="85">
        <v>0</v>
      </c>
      <c r="K31" s="85">
        <v>0</v>
      </c>
      <c r="L31" s="84">
        <v>0</v>
      </c>
      <c r="M31" s="84">
        <v>0</v>
      </c>
      <c r="N31" s="84">
        <v>0</v>
      </c>
      <c r="O31" s="84">
        <v>0</v>
      </c>
    </row>
    <row r="32" spans="2:15" ht="21.95" customHeight="1" x14ac:dyDescent="0.15">
      <c r="B32" s="81"/>
      <c r="C32" s="82"/>
      <c r="D32" s="82" t="s">
        <v>17</v>
      </c>
      <c r="E32" s="82"/>
      <c r="F32" s="82"/>
      <c r="G32" s="82"/>
      <c r="H32" s="83"/>
      <c r="I32" s="84">
        <v>0</v>
      </c>
      <c r="J32" s="85">
        <v>0</v>
      </c>
      <c r="K32" s="85">
        <v>0</v>
      </c>
      <c r="L32" s="84">
        <v>0</v>
      </c>
      <c r="M32" s="84">
        <v>0</v>
      </c>
      <c r="N32" s="84">
        <v>0</v>
      </c>
      <c r="O32" s="84">
        <v>0</v>
      </c>
    </row>
    <row r="33" spans="2:15" ht="21.95" customHeight="1" x14ac:dyDescent="0.15">
      <c r="B33" s="81"/>
      <c r="C33" s="82"/>
      <c r="D33" s="82" t="s">
        <v>18</v>
      </c>
      <c r="E33" s="82"/>
      <c r="F33" s="82"/>
      <c r="G33" s="82"/>
      <c r="H33" s="83"/>
      <c r="I33" s="84">
        <v>0</v>
      </c>
      <c r="J33" s="85">
        <v>0</v>
      </c>
      <c r="K33" s="85">
        <v>0</v>
      </c>
      <c r="L33" s="84">
        <v>0</v>
      </c>
      <c r="M33" s="84">
        <v>0</v>
      </c>
      <c r="N33" s="84">
        <v>0</v>
      </c>
      <c r="O33" s="84">
        <v>0</v>
      </c>
    </row>
    <row r="34" spans="2:15" ht="21.95" customHeight="1" x14ac:dyDescent="0.15">
      <c r="B34" s="81"/>
      <c r="C34" s="82"/>
      <c r="D34" s="82" t="s">
        <v>19</v>
      </c>
      <c r="E34" s="82"/>
      <c r="F34" s="82"/>
      <c r="G34" s="82"/>
      <c r="H34" s="83"/>
      <c r="I34" s="84">
        <v>0</v>
      </c>
      <c r="J34" s="85">
        <v>0</v>
      </c>
      <c r="K34" s="85">
        <v>0</v>
      </c>
      <c r="L34" s="84">
        <v>0</v>
      </c>
      <c r="M34" s="84">
        <v>0</v>
      </c>
      <c r="N34" s="84">
        <v>0</v>
      </c>
      <c r="O34" s="84">
        <v>0</v>
      </c>
    </row>
    <row r="35" spans="2:15" ht="21.95" customHeight="1" x14ac:dyDescent="0.15">
      <c r="B35" s="189"/>
      <c r="C35" s="244" t="s">
        <v>29</v>
      </c>
      <c r="D35" s="244"/>
      <c r="E35" s="244"/>
      <c r="F35" s="244"/>
      <c r="G35" s="190"/>
      <c r="H35" s="191"/>
      <c r="I35" s="84">
        <v>0</v>
      </c>
      <c r="J35" s="85">
        <v>0</v>
      </c>
      <c r="K35" s="85">
        <v>0</v>
      </c>
      <c r="L35" s="84">
        <v>0</v>
      </c>
      <c r="M35" s="84">
        <v>0</v>
      </c>
      <c r="N35" s="84">
        <v>0</v>
      </c>
      <c r="O35" s="84">
        <v>0</v>
      </c>
    </row>
    <row r="36" spans="2:15" ht="21.95" customHeight="1" x14ac:dyDescent="0.15">
      <c r="B36" s="189"/>
      <c r="C36" s="190"/>
      <c r="D36" s="190" t="s">
        <v>25</v>
      </c>
      <c r="E36" s="190"/>
      <c r="F36" s="190"/>
      <c r="G36" s="190"/>
      <c r="H36" s="191"/>
      <c r="I36" s="84">
        <v>0</v>
      </c>
      <c r="J36" s="85">
        <v>0</v>
      </c>
      <c r="K36" s="85">
        <v>0</v>
      </c>
      <c r="L36" s="84">
        <v>0</v>
      </c>
      <c r="M36" s="84">
        <v>0</v>
      </c>
      <c r="N36" s="84">
        <v>0</v>
      </c>
      <c r="O36" s="84">
        <v>0</v>
      </c>
    </row>
    <row r="37" spans="2:15" ht="21.95" customHeight="1" x14ac:dyDescent="0.15">
      <c r="B37" s="189"/>
      <c r="C37" s="190"/>
      <c r="D37" s="190" t="s">
        <v>26</v>
      </c>
      <c r="E37" s="190"/>
      <c r="F37" s="190"/>
      <c r="G37" s="190"/>
      <c r="H37" s="191"/>
      <c r="I37" s="84">
        <v>0</v>
      </c>
      <c r="J37" s="85">
        <v>0</v>
      </c>
      <c r="K37" s="85">
        <v>0</v>
      </c>
      <c r="L37" s="84">
        <v>0</v>
      </c>
      <c r="M37" s="84">
        <v>0</v>
      </c>
      <c r="N37" s="84">
        <v>0</v>
      </c>
      <c r="O37" s="84">
        <v>0</v>
      </c>
    </row>
    <row r="38" spans="2:15" ht="21.95" customHeight="1" x14ac:dyDescent="0.15">
      <c r="B38" s="81" t="s">
        <v>30</v>
      </c>
      <c r="C38" s="82"/>
      <c r="D38" s="82"/>
      <c r="E38" s="82"/>
      <c r="F38" s="82"/>
      <c r="G38" s="82"/>
      <c r="H38" s="83"/>
      <c r="I38" s="84">
        <v>0</v>
      </c>
      <c r="J38" s="85">
        <v>0</v>
      </c>
      <c r="K38" s="85">
        <v>0</v>
      </c>
      <c r="L38" s="84">
        <v>0</v>
      </c>
      <c r="M38" s="84">
        <v>0</v>
      </c>
      <c r="N38" s="84">
        <v>0</v>
      </c>
      <c r="O38" s="84">
        <v>0</v>
      </c>
    </row>
    <row r="39" spans="2:15" ht="21.95" customHeight="1" x14ac:dyDescent="0.15">
      <c r="B39" s="81" t="s">
        <v>31</v>
      </c>
      <c r="C39" s="82"/>
      <c r="D39" s="82"/>
      <c r="E39" s="82"/>
      <c r="F39" s="82"/>
      <c r="G39" s="82"/>
      <c r="H39" s="83"/>
      <c r="I39" s="84">
        <v>0</v>
      </c>
      <c r="J39" s="85">
        <v>0</v>
      </c>
      <c r="K39" s="85">
        <v>0</v>
      </c>
      <c r="L39" s="84">
        <v>0</v>
      </c>
      <c r="M39" s="84">
        <v>0</v>
      </c>
      <c r="N39" s="84">
        <v>0</v>
      </c>
      <c r="O39" s="84">
        <v>0</v>
      </c>
    </row>
    <row r="40" spans="2:15" ht="21.95" customHeight="1" x14ac:dyDescent="0.15">
      <c r="B40" s="189" t="s">
        <v>32</v>
      </c>
      <c r="C40" s="190"/>
      <c r="D40" s="190"/>
      <c r="E40" s="190"/>
      <c r="F40" s="190"/>
      <c r="G40" s="190"/>
      <c r="H40" s="191"/>
      <c r="I40" s="84">
        <v>3675000</v>
      </c>
      <c r="J40" s="85">
        <v>0</v>
      </c>
      <c r="K40" s="85">
        <v>0</v>
      </c>
      <c r="L40" s="84">
        <v>3675000</v>
      </c>
      <c r="M40" s="84">
        <v>3675000</v>
      </c>
      <c r="N40" s="84">
        <v>0</v>
      </c>
      <c r="O40" s="84">
        <v>0</v>
      </c>
    </row>
    <row r="41" spans="2:15" ht="21.95" customHeight="1" x14ac:dyDescent="0.15">
      <c r="B41" s="189" t="s">
        <v>33</v>
      </c>
      <c r="C41" s="190"/>
      <c r="D41" s="190"/>
      <c r="E41" s="190"/>
      <c r="F41" s="190"/>
      <c r="G41" s="190"/>
      <c r="H41" s="191"/>
      <c r="I41" s="84">
        <v>0</v>
      </c>
      <c r="J41" s="85">
        <v>0</v>
      </c>
      <c r="K41" s="85">
        <v>0</v>
      </c>
      <c r="L41" s="84">
        <v>0</v>
      </c>
      <c r="M41" s="84">
        <v>0</v>
      </c>
      <c r="N41" s="84">
        <v>0</v>
      </c>
      <c r="O41" s="84">
        <v>0</v>
      </c>
    </row>
    <row r="42" spans="2:15" ht="21.95" customHeight="1" x14ac:dyDescent="0.15">
      <c r="B42" s="189" t="s">
        <v>38</v>
      </c>
      <c r="C42" s="190"/>
      <c r="D42" s="190"/>
      <c r="E42" s="190"/>
      <c r="F42" s="190"/>
      <c r="G42" s="190"/>
      <c r="H42" s="191"/>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3675000</v>
      </c>
      <c r="J43" s="85">
        <v>0</v>
      </c>
      <c r="K43" s="85">
        <v>0</v>
      </c>
      <c r="L43" s="84">
        <v>3675000</v>
      </c>
      <c r="M43" s="84">
        <v>3675000</v>
      </c>
      <c r="N43" s="84">
        <v>0</v>
      </c>
      <c r="O43" s="84">
        <v>0</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5:O45"/>
    <mergeCell ref="A1:K1"/>
    <mergeCell ref="A5:K5"/>
    <mergeCell ref="L5:P5"/>
    <mergeCell ref="B12:K13"/>
    <mergeCell ref="L12:O13"/>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118" fitToWidth="2" orientation="portrait" useFirstPageNumber="1" r:id="rId1"/>
  <headerFooter>
    <oddFooter>&amp;C&amp;"ＭＳ Ｐ明朝,標準"&amp;20&amp;P</oddFooter>
  </headerFooter>
  <colBreaks count="1" manualBreakCount="1">
    <brk id="11" max="43"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F68"/>
  <sheetViews>
    <sheetView showGridLines="0" view="pageBreakPreview" zoomScale="70" zoomScaleNormal="50" zoomScaleSheetLayoutView="70" workbookViewId="0">
      <selection sqref="A1:C1"/>
    </sheetView>
  </sheetViews>
  <sheetFormatPr defaultRowHeight="13.5" x14ac:dyDescent="0.15"/>
  <cols>
    <col min="1" max="1" width="3.625" style="195" customWidth="1"/>
    <col min="2" max="2" width="4.625" style="198" customWidth="1"/>
    <col min="3" max="3" width="50.625" style="195" customWidth="1"/>
    <col min="4" max="4" width="37.625" style="195" customWidth="1"/>
    <col min="5" max="5" width="67.625" style="195" customWidth="1"/>
    <col min="6" max="6" width="4" style="195" customWidth="1"/>
    <col min="7" max="16384" width="9" style="195"/>
  </cols>
  <sheetData>
    <row r="1" spans="1:5" s="102" customFormat="1" ht="22.5" customHeight="1" x14ac:dyDescent="0.15">
      <c r="A1" s="275" t="s">
        <v>397</v>
      </c>
      <c r="B1" s="275"/>
      <c r="C1" s="275"/>
      <c r="D1" s="160"/>
      <c r="E1" s="160"/>
    </row>
    <row r="2" spans="1:5" s="1" customFormat="1" ht="22.5" customHeight="1" x14ac:dyDescent="0.15">
      <c r="C2" s="194"/>
    </row>
    <row r="3" spans="1:5" s="1" customFormat="1" ht="22.5" customHeight="1" x14ac:dyDescent="0.15">
      <c r="C3" s="194"/>
    </row>
    <row r="4" spans="1:5" s="1" customFormat="1" ht="22.5" customHeight="1" x14ac:dyDescent="0.15">
      <c r="C4" s="194"/>
    </row>
    <row r="5" spans="1:5" ht="28.5" customHeight="1" x14ac:dyDescent="0.15">
      <c r="B5" s="288" t="s">
        <v>356</v>
      </c>
      <c r="C5" s="288"/>
      <c r="D5" s="288"/>
      <c r="E5" s="288"/>
    </row>
    <row r="6" spans="1:5" ht="22.5" customHeight="1" x14ac:dyDescent="0.15">
      <c r="B6" s="163"/>
      <c r="C6" s="163"/>
      <c r="D6" s="163"/>
      <c r="E6" s="163"/>
    </row>
    <row r="7" spans="1:5" s="172" customFormat="1" ht="18.75" customHeight="1" x14ac:dyDescent="0.15">
      <c r="B7" s="168" t="s">
        <v>357</v>
      </c>
    </row>
    <row r="8" spans="1:5" s="172" customFormat="1" ht="22.5" customHeight="1" x14ac:dyDescent="0.15">
      <c r="B8" s="168"/>
    </row>
    <row r="9" spans="1:5" s="172" customFormat="1" ht="316.5" customHeight="1" x14ac:dyDescent="0.15">
      <c r="B9" s="168"/>
      <c r="C9" s="167" t="s">
        <v>358</v>
      </c>
      <c r="D9" s="285" t="s">
        <v>409</v>
      </c>
      <c r="E9" s="285"/>
    </row>
    <row r="10" spans="1:5" s="172" customFormat="1" ht="219.75" customHeight="1" x14ac:dyDescent="0.15">
      <c r="B10" s="168"/>
      <c r="C10" s="167" t="s">
        <v>359</v>
      </c>
      <c r="D10" s="285" t="s">
        <v>360</v>
      </c>
      <c r="E10" s="285"/>
    </row>
    <row r="11" spans="1:5" s="172" customFormat="1" ht="395.25" customHeight="1" x14ac:dyDescent="0.15">
      <c r="B11" s="168"/>
      <c r="C11" s="169" t="s">
        <v>361</v>
      </c>
      <c r="D11" s="289" t="s">
        <v>362</v>
      </c>
      <c r="E11" s="289"/>
    </row>
    <row r="12" spans="1:5" s="172" customFormat="1" ht="236.25" customHeight="1" x14ac:dyDescent="0.15">
      <c r="B12" s="168"/>
      <c r="C12" s="167" t="s">
        <v>363</v>
      </c>
      <c r="D12" s="285" t="s">
        <v>542</v>
      </c>
      <c r="E12" s="285"/>
    </row>
    <row r="13" spans="1:5" s="170" customFormat="1" ht="22.5" customHeight="1" x14ac:dyDescent="0.15">
      <c r="B13" s="286"/>
      <c r="C13" s="286"/>
      <c r="D13" s="286"/>
      <c r="E13" s="286"/>
    </row>
    <row r="14" spans="1:5" s="170" customFormat="1" ht="22.5" customHeight="1" x14ac:dyDescent="0.15">
      <c r="C14" s="196"/>
    </row>
    <row r="15" spans="1:5" s="170" customFormat="1" ht="22.5" customHeight="1" x14ac:dyDescent="0.15">
      <c r="C15" s="196"/>
    </row>
    <row r="16" spans="1:5" s="170" customFormat="1" ht="22.5" customHeight="1" x14ac:dyDescent="0.15">
      <c r="C16" s="196"/>
    </row>
    <row r="17" spans="2:6" s="172" customFormat="1" ht="28.5" customHeight="1" x14ac:dyDescent="0.15">
      <c r="B17" s="287"/>
      <c r="C17" s="287"/>
      <c r="D17" s="287"/>
      <c r="E17" s="287"/>
    </row>
    <row r="18" spans="2:6" s="172" customFormat="1" ht="22.5" customHeight="1" x14ac:dyDescent="0.15">
      <c r="B18" s="171"/>
      <c r="C18" s="171"/>
      <c r="D18" s="171"/>
      <c r="E18" s="171"/>
    </row>
    <row r="19" spans="2:6" s="172" customFormat="1" ht="18.75" customHeight="1" x14ac:dyDescent="0.15">
      <c r="B19" s="168"/>
    </row>
    <row r="20" spans="2:6" s="172" customFormat="1" ht="22.5" customHeight="1" x14ac:dyDescent="0.15">
      <c r="B20" s="168"/>
    </row>
    <row r="21" spans="2:6" s="172" customFormat="1" ht="73.5" customHeight="1" x14ac:dyDescent="0.15">
      <c r="B21" s="168"/>
      <c r="C21" s="167" t="s">
        <v>364</v>
      </c>
      <c r="D21" s="285" t="s">
        <v>365</v>
      </c>
      <c r="E21" s="285"/>
    </row>
    <row r="22" spans="2:6" s="172" customFormat="1" ht="149.25" customHeight="1" x14ac:dyDescent="0.15">
      <c r="B22" s="168"/>
      <c r="C22" s="167" t="s">
        <v>366</v>
      </c>
      <c r="D22" s="285" t="s">
        <v>367</v>
      </c>
      <c r="E22" s="285"/>
    </row>
    <row r="23" spans="2:6" s="172" customFormat="1" ht="20.25" x14ac:dyDescent="0.15">
      <c r="B23" s="168"/>
      <c r="C23" s="197"/>
      <c r="D23" s="197"/>
    </row>
    <row r="24" spans="2:6" s="172" customFormat="1" ht="20.25" x14ac:dyDescent="0.15">
      <c r="B24" s="168" t="s">
        <v>382</v>
      </c>
    </row>
    <row r="25" spans="2:6" s="172" customFormat="1" ht="20.25" x14ac:dyDescent="0.15">
      <c r="B25" s="168"/>
    </row>
    <row r="26" spans="2:6" s="172" customFormat="1" ht="20.25" x14ac:dyDescent="0.15">
      <c r="B26" s="168"/>
      <c r="C26" s="172" t="s">
        <v>541</v>
      </c>
    </row>
    <row r="27" spans="2:6" s="172" customFormat="1" ht="20.25" x14ac:dyDescent="0.15">
      <c r="B27" s="168"/>
    </row>
    <row r="28" spans="2:6" s="172" customFormat="1" ht="20.25" x14ac:dyDescent="0.15">
      <c r="B28" s="168"/>
      <c r="D28" s="173" t="s">
        <v>368</v>
      </c>
    </row>
    <row r="29" spans="2:6" s="172" customFormat="1" ht="37.5" customHeight="1" x14ac:dyDescent="0.15">
      <c r="B29" s="168"/>
      <c r="C29" s="174" t="s">
        <v>369</v>
      </c>
      <c r="D29" s="175" t="s">
        <v>370</v>
      </c>
    </row>
    <row r="30" spans="2:6" s="172" customFormat="1" ht="37.5" customHeight="1" x14ac:dyDescent="0.15">
      <c r="B30" s="168"/>
      <c r="C30" s="254" t="s">
        <v>371</v>
      </c>
      <c r="D30" s="255">
        <v>31212</v>
      </c>
      <c r="E30" s="246"/>
      <c r="F30" s="246"/>
    </row>
    <row r="31" spans="2:6" s="172" customFormat="1" ht="37.5" customHeight="1" x14ac:dyDescent="0.15">
      <c r="B31" s="168"/>
      <c r="C31" s="254" t="s">
        <v>372</v>
      </c>
      <c r="D31" s="256">
        <v>14129196</v>
      </c>
      <c r="E31" s="246"/>
      <c r="F31" s="246"/>
    </row>
    <row r="32" spans="2:6" s="172" customFormat="1" ht="37.5" customHeight="1" x14ac:dyDescent="0.15">
      <c r="B32" s="168"/>
      <c r="C32" s="257" t="s">
        <v>373</v>
      </c>
      <c r="D32" s="256">
        <v>14160408</v>
      </c>
      <c r="E32" s="246"/>
      <c r="F32" s="246"/>
    </row>
    <row r="33" spans="2:6" s="172" customFormat="1" ht="20.25" x14ac:dyDescent="0.15">
      <c r="B33" s="168"/>
      <c r="C33" s="258" t="s">
        <v>374</v>
      </c>
      <c r="D33" s="258"/>
      <c r="E33" s="246"/>
      <c r="F33" s="246"/>
    </row>
    <row r="34" spans="2:6" s="172" customFormat="1" ht="20.25" x14ac:dyDescent="0.15">
      <c r="B34" s="168"/>
    </row>
    <row r="35" spans="2:6" s="172" customFormat="1" ht="20.25" x14ac:dyDescent="0.15">
      <c r="B35" s="168" t="s">
        <v>375</v>
      </c>
    </row>
    <row r="36" spans="2:6" s="172" customFormat="1" ht="20.25" x14ac:dyDescent="0.15">
      <c r="B36" s="168"/>
    </row>
    <row r="37" spans="2:6" s="172" customFormat="1" ht="20.25" customHeight="1" x14ac:dyDescent="0.15">
      <c r="B37" s="168"/>
      <c r="C37" s="284" t="s">
        <v>548</v>
      </c>
      <c r="D37" s="284"/>
      <c r="E37" s="284"/>
    </row>
    <row r="38" spans="2:6" s="172" customFormat="1" ht="20.25" customHeight="1" x14ac:dyDescent="0.15">
      <c r="B38" s="168"/>
      <c r="C38" s="284"/>
      <c r="D38" s="284"/>
      <c r="E38" s="284"/>
    </row>
    <row r="39" spans="2:6" s="172" customFormat="1" ht="20.25" customHeight="1" x14ac:dyDescent="0.15">
      <c r="B39" s="168"/>
      <c r="C39" s="284"/>
      <c r="D39" s="284"/>
      <c r="E39" s="284"/>
    </row>
    <row r="40" spans="2:6" s="172" customFormat="1" ht="20.25" customHeight="1" x14ac:dyDescent="0.15">
      <c r="B40" s="168"/>
      <c r="C40" s="284"/>
      <c r="D40" s="284"/>
      <c r="E40" s="284"/>
    </row>
    <row r="41" spans="2:6" s="172" customFormat="1" ht="20.25" x14ac:dyDescent="0.15">
      <c r="B41" s="168"/>
      <c r="C41" s="284"/>
      <c r="D41" s="284"/>
      <c r="E41" s="284"/>
    </row>
    <row r="42" spans="2:6" s="172" customFormat="1" ht="20.25" x14ac:dyDescent="0.15">
      <c r="B42" s="168"/>
      <c r="C42" s="284"/>
      <c r="D42" s="284"/>
      <c r="E42" s="284"/>
    </row>
    <row r="43" spans="2:6" s="172" customFormat="1" ht="20.25" customHeight="1" x14ac:dyDescent="0.15">
      <c r="B43" s="168"/>
      <c r="C43" s="180"/>
      <c r="D43" s="180"/>
      <c r="E43" s="180"/>
    </row>
    <row r="44" spans="2:6" s="172" customFormat="1" ht="20.25" x14ac:dyDescent="0.15">
      <c r="B44" s="168" t="s">
        <v>376</v>
      </c>
    </row>
    <row r="45" spans="2:6" s="172" customFormat="1" ht="20.25" x14ac:dyDescent="0.15">
      <c r="B45" s="168"/>
    </row>
    <row r="46" spans="2:6" s="172" customFormat="1" ht="20.25" x14ac:dyDescent="0.15">
      <c r="B46" s="168"/>
      <c r="C46" s="172" t="s">
        <v>377</v>
      </c>
      <c r="E46" s="173" t="s">
        <v>383</v>
      </c>
    </row>
    <row r="47" spans="2:6" s="172" customFormat="1" ht="20.25" x14ac:dyDescent="0.15">
      <c r="B47" s="168"/>
      <c r="C47" s="175" t="s">
        <v>378</v>
      </c>
      <c r="D47" s="175" t="s">
        <v>370</v>
      </c>
      <c r="E47" s="175" t="s">
        <v>379</v>
      </c>
    </row>
    <row r="48" spans="2:6" s="172" customFormat="1" ht="93" customHeight="1" x14ac:dyDescent="0.15">
      <c r="B48" s="168"/>
      <c r="C48" s="175" t="s">
        <v>380</v>
      </c>
      <c r="D48" s="176">
        <v>96613</v>
      </c>
      <c r="E48" s="178" t="s">
        <v>381</v>
      </c>
    </row>
    <row r="49" spans="2:5" s="172" customFormat="1" ht="20.25" customHeight="1" x14ac:dyDescent="0.15">
      <c r="B49" s="168"/>
    </row>
    <row r="50" spans="2:5" s="172" customFormat="1" ht="20.25" x14ac:dyDescent="0.15">
      <c r="B50" s="168"/>
      <c r="C50" s="179" t="s">
        <v>384</v>
      </c>
      <c r="D50" s="179"/>
      <c r="E50" s="179"/>
    </row>
    <row r="51" spans="2:5" s="172" customFormat="1" ht="20.25" customHeight="1" x14ac:dyDescent="0.15">
      <c r="B51" s="168"/>
      <c r="C51" s="281" t="s">
        <v>538</v>
      </c>
      <c r="D51" s="281"/>
      <c r="E51" s="281"/>
    </row>
    <row r="52" spans="2:5" s="172" customFormat="1" ht="20.25" customHeight="1" x14ac:dyDescent="0.15">
      <c r="B52" s="168"/>
      <c r="C52" s="281"/>
      <c r="D52" s="281"/>
      <c r="E52" s="281"/>
    </row>
    <row r="53" spans="2:5" s="172" customFormat="1" ht="20.25" customHeight="1" x14ac:dyDescent="0.15">
      <c r="B53" s="168"/>
      <c r="C53" s="282"/>
      <c r="D53" s="282"/>
      <c r="E53" s="282"/>
    </row>
    <row r="54" spans="2:5" s="172" customFormat="1" ht="20.25" customHeight="1" x14ac:dyDescent="0.15">
      <c r="B54" s="168"/>
      <c r="C54" s="180" t="s">
        <v>393</v>
      </c>
      <c r="D54" s="180"/>
      <c r="E54" s="180"/>
    </row>
    <row r="55" spans="2:5" s="172" customFormat="1" ht="20.25" customHeight="1" x14ac:dyDescent="0.15">
      <c r="B55" s="181"/>
      <c r="C55" s="281" t="s">
        <v>537</v>
      </c>
      <c r="D55" s="281"/>
      <c r="E55" s="281"/>
    </row>
    <row r="56" spans="2:5" s="172" customFormat="1" ht="20.25" customHeight="1" x14ac:dyDescent="0.15">
      <c r="B56" s="168"/>
      <c r="C56" s="281"/>
      <c r="D56" s="281"/>
      <c r="E56" s="281"/>
    </row>
    <row r="57" spans="2:5" s="172" customFormat="1" ht="20.25" customHeight="1" x14ac:dyDescent="0.15">
      <c r="B57" s="168"/>
      <c r="C57" s="281"/>
      <c r="D57" s="281"/>
      <c r="E57" s="281"/>
    </row>
    <row r="58" spans="2:5" s="172" customFormat="1" ht="20.25" customHeight="1" x14ac:dyDescent="0.15">
      <c r="B58" s="168"/>
      <c r="C58" s="281"/>
      <c r="D58" s="281"/>
      <c r="E58" s="281"/>
    </row>
    <row r="59" spans="2:5" s="172" customFormat="1" ht="20.25" customHeight="1" x14ac:dyDescent="0.15">
      <c r="B59" s="168"/>
      <c r="C59" s="282"/>
      <c r="D59" s="282"/>
      <c r="E59" s="282"/>
    </row>
    <row r="60" spans="2:5" s="172" customFormat="1" ht="20.25" customHeight="1" x14ac:dyDescent="0.15">
      <c r="B60" s="168"/>
      <c r="C60" s="283" t="s">
        <v>410</v>
      </c>
      <c r="D60" s="283"/>
      <c r="E60" s="180"/>
    </row>
    <row r="61" spans="2:5" s="172" customFormat="1" ht="20.25" customHeight="1" x14ac:dyDescent="0.15">
      <c r="B61" s="181"/>
      <c r="C61" s="284" t="s">
        <v>540</v>
      </c>
      <c r="D61" s="284"/>
      <c r="E61" s="284"/>
    </row>
    <row r="62" spans="2:5" s="172" customFormat="1" ht="20.25" customHeight="1" x14ac:dyDescent="0.15">
      <c r="B62" s="168"/>
      <c r="C62" s="284"/>
      <c r="D62" s="284"/>
      <c r="E62" s="284"/>
    </row>
    <row r="63" spans="2:5" s="172" customFormat="1" ht="20.25" customHeight="1" x14ac:dyDescent="0.15">
      <c r="B63" s="168"/>
      <c r="C63" s="180"/>
      <c r="D63" s="180"/>
      <c r="E63" s="180"/>
    </row>
    <row r="64" spans="2:5" s="172" customFormat="1" ht="20.25" customHeight="1" x14ac:dyDescent="0.15">
      <c r="B64" s="168"/>
      <c r="C64" s="180"/>
      <c r="D64" s="180"/>
      <c r="E64" s="180"/>
    </row>
    <row r="65" spans="2:5" s="172" customFormat="1" ht="48" customHeight="1" x14ac:dyDescent="0.15">
      <c r="B65" s="168"/>
      <c r="C65" s="182"/>
      <c r="D65" s="182"/>
      <c r="E65" s="182"/>
    </row>
    <row r="66" spans="2:5" s="198" customFormat="1" ht="22.5" customHeight="1" x14ac:dyDescent="0.15">
      <c r="C66" s="195"/>
      <c r="D66" s="195"/>
      <c r="E66" s="195"/>
    </row>
    <row r="67" spans="2:5" s="198" customFormat="1" ht="22.5" customHeight="1" x14ac:dyDescent="0.15">
      <c r="C67" s="195"/>
      <c r="D67" s="195"/>
      <c r="E67" s="195"/>
    </row>
    <row r="68" spans="2:5" s="198" customFormat="1" ht="21" customHeight="1" x14ac:dyDescent="0.15">
      <c r="C68" s="195"/>
      <c r="D68" s="195"/>
      <c r="E68" s="195"/>
    </row>
  </sheetData>
  <mergeCells count="17">
    <mergeCell ref="A1:C1"/>
    <mergeCell ref="D22:E22"/>
    <mergeCell ref="C51:E52"/>
    <mergeCell ref="C53:E53"/>
    <mergeCell ref="B13:E13"/>
    <mergeCell ref="B17:E17"/>
    <mergeCell ref="D21:E21"/>
    <mergeCell ref="B5:E5"/>
    <mergeCell ref="D9:E9"/>
    <mergeCell ref="D10:E10"/>
    <mergeCell ref="D11:E11"/>
    <mergeCell ref="D12:E12"/>
    <mergeCell ref="C55:E58"/>
    <mergeCell ref="C59:E59"/>
    <mergeCell ref="C60:D60"/>
    <mergeCell ref="C61:E62"/>
    <mergeCell ref="C37:E42"/>
  </mergeCells>
  <phoneticPr fontId="24"/>
  <printOptions horizontalCentered="1"/>
  <pageMargins left="0.19685039370078741" right="0.19685039370078741" top="0.31496062992125984" bottom="0.19685039370078741" header="0.11811023622047245" footer="0.11811023622047245"/>
  <pageSetup paperSize="9" scale="58" firstPageNumber="6" fitToHeight="0" orientation="portrait" useFirstPageNumber="1" r:id="rId1"/>
  <headerFooter>
    <oddFooter>&amp;C&amp;"ＭＳ Ｐ明朝,標準"&amp;20&amp;P</oddFooter>
  </headerFooter>
  <rowBreaks count="1" manualBreakCount="1">
    <brk id="12" max="5" man="1"/>
  </rowBreaks>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35"/>
  <sheetViews>
    <sheetView showGridLines="0" view="pageBreakPreview" zoomScaleNormal="70" zoomScaleSheetLayoutView="100" workbookViewId="0"/>
  </sheetViews>
  <sheetFormatPr defaultColWidth="8.875" defaultRowHeight="18.75" x14ac:dyDescent="0.15"/>
  <cols>
    <col min="1" max="1" width="30.625" style="136" customWidth="1"/>
    <col min="2" max="7" width="3.5" style="136" customWidth="1"/>
    <col min="8" max="8" width="50.375" style="136" customWidth="1"/>
    <col min="9" max="14" width="32.625" style="136" customWidth="1"/>
    <col min="15" max="15" width="37.625" style="136" customWidth="1"/>
    <col min="16" max="16" width="15.125" style="111" customWidth="1"/>
    <col min="17" max="17" width="7" style="136" customWidth="1"/>
    <col min="18" max="18" width="10.5" style="136" customWidth="1"/>
    <col min="19" max="256" width="8.875" style="136"/>
    <col min="257" max="263" width="3.5" style="136" customWidth="1"/>
    <col min="264" max="264" width="15.625" style="136" customWidth="1"/>
    <col min="265" max="271" width="25.625" style="136" customWidth="1"/>
    <col min="272" max="512" width="8.875" style="136"/>
    <col min="513" max="519" width="3.5" style="136" customWidth="1"/>
    <col min="520" max="520" width="15.625" style="136" customWidth="1"/>
    <col min="521" max="527" width="25.625" style="136" customWidth="1"/>
    <col min="528" max="768" width="8.875" style="136"/>
    <col min="769" max="775" width="3.5" style="136" customWidth="1"/>
    <col min="776" max="776" width="15.625" style="136" customWidth="1"/>
    <col min="777" max="783" width="25.625" style="136" customWidth="1"/>
    <col min="784" max="1024" width="8.875" style="136"/>
    <col min="1025" max="1031" width="3.5" style="136" customWidth="1"/>
    <col min="1032" max="1032" width="15.625" style="136" customWidth="1"/>
    <col min="1033" max="1039" width="25.625" style="136" customWidth="1"/>
    <col min="1040" max="1280" width="8.875" style="136"/>
    <col min="1281" max="1287" width="3.5" style="136" customWidth="1"/>
    <col min="1288" max="1288" width="15.625" style="136" customWidth="1"/>
    <col min="1289" max="1295" width="25.625" style="136" customWidth="1"/>
    <col min="1296" max="1536" width="8.875" style="136"/>
    <col min="1537" max="1543" width="3.5" style="136" customWidth="1"/>
    <col min="1544" max="1544" width="15.625" style="136" customWidth="1"/>
    <col min="1545" max="1551" width="25.625" style="136" customWidth="1"/>
    <col min="1552" max="1792" width="8.875" style="136"/>
    <col min="1793" max="1799" width="3.5" style="136" customWidth="1"/>
    <col min="1800" max="1800" width="15.625" style="136" customWidth="1"/>
    <col min="1801" max="1807" width="25.625" style="136" customWidth="1"/>
    <col min="1808" max="2048" width="8.875" style="136"/>
    <col min="2049" max="2055" width="3.5" style="136" customWidth="1"/>
    <col min="2056" max="2056" width="15.625" style="136" customWidth="1"/>
    <col min="2057" max="2063" width="25.625" style="136" customWidth="1"/>
    <col min="2064" max="2304" width="8.875" style="136"/>
    <col min="2305" max="2311" width="3.5" style="136" customWidth="1"/>
    <col min="2312" max="2312" width="15.625" style="136" customWidth="1"/>
    <col min="2313" max="2319" width="25.625" style="136" customWidth="1"/>
    <col min="2320" max="2560" width="8.875" style="136"/>
    <col min="2561" max="2567" width="3.5" style="136" customWidth="1"/>
    <col min="2568" max="2568" width="15.625" style="136" customWidth="1"/>
    <col min="2569" max="2575" width="25.625" style="136" customWidth="1"/>
    <col min="2576" max="2816" width="8.875" style="136"/>
    <col min="2817" max="2823" width="3.5" style="136" customWidth="1"/>
    <col min="2824" max="2824" width="15.625" style="136" customWidth="1"/>
    <col min="2825" max="2831" width="25.625" style="136" customWidth="1"/>
    <col min="2832" max="3072" width="8.875" style="136"/>
    <col min="3073" max="3079" width="3.5" style="136" customWidth="1"/>
    <col min="3080" max="3080" width="15.625" style="136" customWidth="1"/>
    <col min="3081" max="3087" width="25.625" style="136" customWidth="1"/>
    <col min="3088" max="3328" width="8.875" style="136"/>
    <col min="3329" max="3335" width="3.5" style="136" customWidth="1"/>
    <col min="3336" max="3336" width="15.625" style="136" customWidth="1"/>
    <col min="3337" max="3343" width="25.625" style="136" customWidth="1"/>
    <col min="3344" max="3584" width="8.875" style="136"/>
    <col min="3585" max="3591" width="3.5" style="136" customWidth="1"/>
    <col min="3592" max="3592" width="15.625" style="136" customWidth="1"/>
    <col min="3593" max="3599" width="25.625" style="136" customWidth="1"/>
    <col min="3600" max="3840" width="8.875" style="136"/>
    <col min="3841" max="3847" width="3.5" style="136" customWidth="1"/>
    <col min="3848" max="3848" width="15.625" style="136" customWidth="1"/>
    <col min="3849" max="3855" width="25.625" style="136" customWidth="1"/>
    <col min="3856" max="4096" width="8.875" style="136"/>
    <col min="4097" max="4103" width="3.5" style="136" customWidth="1"/>
    <col min="4104" max="4104" width="15.625" style="136" customWidth="1"/>
    <col min="4105" max="4111" width="25.625" style="136" customWidth="1"/>
    <col min="4112" max="4352" width="8.875" style="136"/>
    <col min="4353" max="4359" width="3.5" style="136" customWidth="1"/>
    <col min="4360" max="4360" width="15.625" style="136" customWidth="1"/>
    <col min="4361" max="4367" width="25.625" style="136" customWidth="1"/>
    <col min="4368" max="4608" width="8.875" style="136"/>
    <col min="4609" max="4615" width="3.5" style="136" customWidth="1"/>
    <col min="4616" max="4616" width="15.625" style="136" customWidth="1"/>
    <col min="4617" max="4623" width="25.625" style="136" customWidth="1"/>
    <col min="4624" max="4864" width="8.875" style="136"/>
    <col min="4865" max="4871" width="3.5" style="136" customWidth="1"/>
    <col min="4872" max="4872" width="15.625" style="136" customWidth="1"/>
    <col min="4873" max="4879" width="25.625" style="136" customWidth="1"/>
    <col min="4880" max="5120" width="8.875" style="136"/>
    <col min="5121" max="5127" width="3.5" style="136" customWidth="1"/>
    <col min="5128" max="5128" width="15.625" style="136" customWidth="1"/>
    <col min="5129" max="5135" width="25.625" style="136" customWidth="1"/>
    <col min="5136" max="5376" width="8.875" style="136"/>
    <col min="5377" max="5383" width="3.5" style="136" customWidth="1"/>
    <col min="5384" max="5384" width="15.625" style="136" customWidth="1"/>
    <col min="5385" max="5391" width="25.625" style="136" customWidth="1"/>
    <col min="5392" max="5632" width="8.875" style="136"/>
    <col min="5633" max="5639" width="3.5" style="136" customWidth="1"/>
    <col min="5640" max="5640" width="15.625" style="136" customWidth="1"/>
    <col min="5641" max="5647" width="25.625" style="136" customWidth="1"/>
    <col min="5648" max="5888" width="8.875" style="136"/>
    <col min="5889" max="5895" width="3.5" style="136" customWidth="1"/>
    <col min="5896" max="5896" width="15.625" style="136" customWidth="1"/>
    <col min="5897" max="5903" width="25.625" style="136" customWidth="1"/>
    <col min="5904" max="6144" width="8.875" style="136"/>
    <col min="6145" max="6151" width="3.5" style="136" customWidth="1"/>
    <col min="6152" max="6152" width="15.625" style="136" customWidth="1"/>
    <col min="6153" max="6159" width="25.625" style="136" customWidth="1"/>
    <col min="6160" max="6400" width="8.875" style="136"/>
    <col min="6401" max="6407" width="3.5" style="136" customWidth="1"/>
    <col min="6408" max="6408" width="15.625" style="136" customWidth="1"/>
    <col min="6409" max="6415" width="25.625" style="136" customWidth="1"/>
    <col min="6416" max="6656" width="8.875" style="136"/>
    <col min="6657" max="6663" width="3.5" style="136" customWidth="1"/>
    <col min="6664" max="6664" width="15.625" style="136" customWidth="1"/>
    <col min="6665" max="6671" width="25.625" style="136" customWidth="1"/>
    <col min="6672" max="6912" width="8.875" style="136"/>
    <col min="6913" max="6919" width="3.5" style="136" customWidth="1"/>
    <col min="6920" max="6920" width="15.625" style="136" customWidth="1"/>
    <col min="6921" max="6927" width="25.625" style="136" customWidth="1"/>
    <col min="6928" max="7168" width="8.875" style="136"/>
    <col min="7169" max="7175" width="3.5" style="136" customWidth="1"/>
    <col min="7176" max="7176" width="15.625" style="136" customWidth="1"/>
    <col min="7177" max="7183" width="25.625" style="136" customWidth="1"/>
    <col min="7184" max="7424" width="8.875" style="136"/>
    <col min="7425" max="7431" width="3.5" style="136" customWidth="1"/>
    <col min="7432" max="7432" width="15.625" style="136" customWidth="1"/>
    <col min="7433" max="7439" width="25.625" style="136" customWidth="1"/>
    <col min="7440" max="7680" width="8.875" style="136"/>
    <col min="7681" max="7687" width="3.5" style="136" customWidth="1"/>
    <col min="7688" max="7688" width="15.625" style="136" customWidth="1"/>
    <col min="7689" max="7695" width="25.625" style="136" customWidth="1"/>
    <col min="7696" max="7936" width="8.875" style="136"/>
    <col min="7937" max="7943" width="3.5" style="136" customWidth="1"/>
    <col min="7944" max="7944" width="15.625" style="136" customWidth="1"/>
    <col min="7945" max="7951" width="25.625" style="136" customWidth="1"/>
    <col min="7952" max="8192" width="8.875" style="136"/>
    <col min="8193" max="8199" width="3.5" style="136" customWidth="1"/>
    <col min="8200" max="8200" width="15.625" style="136" customWidth="1"/>
    <col min="8201" max="8207" width="25.625" style="136" customWidth="1"/>
    <col min="8208" max="8448" width="8.875" style="136"/>
    <col min="8449" max="8455" width="3.5" style="136" customWidth="1"/>
    <col min="8456" max="8456" width="15.625" style="136" customWidth="1"/>
    <col min="8457" max="8463" width="25.625" style="136" customWidth="1"/>
    <col min="8464" max="8704" width="8.875" style="136"/>
    <col min="8705" max="8711" width="3.5" style="136" customWidth="1"/>
    <col min="8712" max="8712" width="15.625" style="136" customWidth="1"/>
    <col min="8713" max="8719" width="25.625" style="136" customWidth="1"/>
    <col min="8720" max="8960" width="8.875" style="136"/>
    <col min="8961" max="8967" width="3.5" style="136" customWidth="1"/>
    <col min="8968" max="8968" width="15.625" style="136" customWidth="1"/>
    <col min="8969" max="8975" width="25.625" style="136" customWidth="1"/>
    <col min="8976" max="9216" width="8.875" style="136"/>
    <col min="9217" max="9223" width="3.5" style="136" customWidth="1"/>
    <col min="9224" max="9224" width="15.625" style="136" customWidth="1"/>
    <col min="9225" max="9231" width="25.625" style="136" customWidth="1"/>
    <col min="9232" max="9472" width="8.875" style="136"/>
    <col min="9473" max="9479" width="3.5" style="136" customWidth="1"/>
    <col min="9480" max="9480" width="15.625" style="136" customWidth="1"/>
    <col min="9481" max="9487" width="25.625" style="136" customWidth="1"/>
    <col min="9488" max="9728" width="8.875" style="136"/>
    <col min="9729" max="9735" width="3.5" style="136" customWidth="1"/>
    <col min="9736" max="9736" width="15.625" style="136" customWidth="1"/>
    <col min="9737" max="9743" width="25.625" style="136" customWidth="1"/>
    <col min="9744" max="9984" width="8.875" style="136"/>
    <col min="9985" max="9991" width="3.5" style="136" customWidth="1"/>
    <col min="9992" max="9992" width="15.625" style="136" customWidth="1"/>
    <col min="9993" max="9999" width="25.625" style="136" customWidth="1"/>
    <col min="10000" max="10240" width="8.875" style="136"/>
    <col min="10241" max="10247" width="3.5" style="136" customWidth="1"/>
    <col min="10248" max="10248" width="15.625" style="136" customWidth="1"/>
    <col min="10249" max="10255" width="25.625" style="136" customWidth="1"/>
    <col min="10256" max="10496" width="8.875" style="136"/>
    <col min="10497" max="10503" width="3.5" style="136" customWidth="1"/>
    <col min="10504" max="10504" width="15.625" style="136" customWidth="1"/>
    <col min="10505" max="10511" width="25.625" style="136" customWidth="1"/>
    <col min="10512" max="10752" width="8.875" style="136"/>
    <col min="10753" max="10759" width="3.5" style="136" customWidth="1"/>
    <col min="10760" max="10760" width="15.625" style="136" customWidth="1"/>
    <col min="10761" max="10767" width="25.625" style="136" customWidth="1"/>
    <col min="10768" max="11008" width="8.875" style="136"/>
    <col min="11009" max="11015" width="3.5" style="136" customWidth="1"/>
    <col min="11016" max="11016" width="15.625" style="136" customWidth="1"/>
    <col min="11017" max="11023" width="25.625" style="136" customWidth="1"/>
    <col min="11024" max="11264" width="8.875" style="136"/>
    <col min="11265" max="11271" width="3.5" style="136" customWidth="1"/>
    <col min="11272" max="11272" width="15.625" style="136" customWidth="1"/>
    <col min="11273" max="11279" width="25.625" style="136" customWidth="1"/>
    <col min="11280" max="11520" width="8.875" style="136"/>
    <col min="11521" max="11527" width="3.5" style="136" customWidth="1"/>
    <col min="11528" max="11528" width="15.625" style="136" customWidth="1"/>
    <col min="11529" max="11535" width="25.625" style="136" customWidth="1"/>
    <col min="11536" max="11776" width="8.875" style="136"/>
    <col min="11777" max="11783" width="3.5" style="136" customWidth="1"/>
    <col min="11784" max="11784" width="15.625" style="136" customWidth="1"/>
    <col min="11785" max="11791" width="25.625" style="136" customWidth="1"/>
    <col min="11792" max="12032" width="8.875" style="136"/>
    <col min="12033" max="12039" width="3.5" style="136" customWidth="1"/>
    <col min="12040" max="12040" width="15.625" style="136" customWidth="1"/>
    <col min="12041" max="12047" width="25.625" style="136" customWidth="1"/>
    <col min="12048" max="12288" width="8.875" style="136"/>
    <col min="12289" max="12295" width="3.5" style="136" customWidth="1"/>
    <col min="12296" max="12296" width="15.625" style="136" customWidth="1"/>
    <col min="12297" max="12303" width="25.625" style="136" customWidth="1"/>
    <col min="12304" max="12544" width="8.875" style="136"/>
    <col min="12545" max="12551" width="3.5" style="136" customWidth="1"/>
    <col min="12552" max="12552" width="15.625" style="136" customWidth="1"/>
    <col min="12553" max="12559" width="25.625" style="136" customWidth="1"/>
    <col min="12560" max="12800" width="8.875" style="136"/>
    <col min="12801" max="12807" width="3.5" style="136" customWidth="1"/>
    <col min="12808" max="12808" width="15.625" style="136" customWidth="1"/>
    <col min="12809" max="12815" width="25.625" style="136" customWidth="1"/>
    <col min="12816" max="13056" width="8.875" style="136"/>
    <col min="13057" max="13063" width="3.5" style="136" customWidth="1"/>
    <col min="13064" max="13064" width="15.625" style="136" customWidth="1"/>
    <col min="13065" max="13071" width="25.625" style="136" customWidth="1"/>
    <col min="13072" max="13312" width="8.875" style="136"/>
    <col min="13313" max="13319" width="3.5" style="136" customWidth="1"/>
    <col min="13320" max="13320" width="15.625" style="136" customWidth="1"/>
    <col min="13321" max="13327" width="25.625" style="136" customWidth="1"/>
    <col min="13328" max="13568" width="8.875" style="136"/>
    <col min="13569" max="13575" width="3.5" style="136" customWidth="1"/>
    <col min="13576" max="13576" width="15.625" style="136" customWidth="1"/>
    <col min="13577" max="13583" width="25.625" style="136" customWidth="1"/>
    <col min="13584" max="13824" width="8.875" style="136"/>
    <col min="13825" max="13831" width="3.5" style="136" customWidth="1"/>
    <col min="13832" max="13832" width="15.625" style="136" customWidth="1"/>
    <col min="13833" max="13839" width="25.625" style="136" customWidth="1"/>
    <col min="13840" max="14080" width="8.875" style="136"/>
    <col min="14081" max="14087" width="3.5" style="136" customWidth="1"/>
    <col min="14088" max="14088" width="15.625" style="136" customWidth="1"/>
    <col min="14089" max="14095" width="25.625" style="136" customWidth="1"/>
    <col min="14096" max="14336" width="8.875" style="136"/>
    <col min="14337" max="14343" width="3.5" style="136" customWidth="1"/>
    <col min="14344" max="14344" width="15.625" style="136" customWidth="1"/>
    <col min="14345" max="14351" width="25.625" style="136" customWidth="1"/>
    <col min="14352" max="14592" width="8.875" style="136"/>
    <col min="14593" max="14599" width="3.5" style="136" customWidth="1"/>
    <col min="14600" max="14600" width="15.625" style="136" customWidth="1"/>
    <col min="14601" max="14607" width="25.625" style="136" customWidth="1"/>
    <col min="14608" max="14848" width="8.875" style="136"/>
    <col min="14849" max="14855" width="3.5" style="136" customWidth="1"/>
    <col min="14856" max="14856" width="15.625" style="136" customWidth="1"/>
    <col min="14857" max="14863" width="25.625" style="136" customWidth="1"/>
    <col min="14864" max="15104" width="8.875" style="136"/>
    <col min="15105" max="15111" width="3.5" style="136" customWidth="1"/>
    <col min="15112" max="15112" width="15.625" style="136" customWidth="1"/>
    <col min="15113" max="15119" width="25.625" style="136" customWidth="1"/>
    <col min="15120" max="15360" width="8.875" style="136"/>
    <col min="15361" max="15367" width="3.5" style="136" customWidth="1"/>
    <col min="15368" max="15368" width="15.625" style="136" customWidth="1"/>
    <col min="15369" max="15375" width="25.625" style="136" customWidth="1"/>
    <col min="15376" max="15616" width="8.875" style="136"/>
    <col min="15617" max="15623" width="3.5" style="136" customWidth="1"/>
    <col min="15624" max="15624" width="15.625" style="136" customWidth="1"/>
    <col min="15625" max="15631" width="25.625" style="136" customWidth="1"/>
    <col min="15632" max="15872" width="8.875" style="136"/>
    <col min="15873" max="15879" width="3.5" style="136" customWidth="1"/>
    <col min="15880" max="15880" width="15.625" style="136" customWidth="1"/>
    <col min="15881" max="15887" width="25.625" style="136" customWidth="1"/>
    <col min="15888" max="16128" width="8.875" style="136"/>
    <col min="16129" max="16135" width="3.5" style="136" customWidth="1"/>
    <col min="16136" max="16136" width="15.625" style="136" customWidth="1"/>
    <col min="16137" max="16143" width="25.625" style="136" customWidth="1"/>
    <col min="16144" max="16384" width="8.875" style="136"/>
  </cols>
  <sheetData>
    <row r="1" spans="1:16" s="102" customFormat="1" ht="22.5" customHeight="1" x14ac:dyDescent="0.15">
      <c r="A1" s="160" t="s">
        <v>534</v>
      </c>
      <c r="B1" s="160"/>
      <c r="C1" s="160"/>
      <c r="D1" s="160"/>
      <c r="E1" s="160"/>
      <c r="F1" s="160"/>
      <c r="G1" s="160"/>
      <c r="H1" s="160"/>
      <c r="I1" s="160"/>
      <c r="J1" s="160"/>
      <c r="K1" s="160"/>
      <c r="P1" s="203"/>
    </row>
    <row r="2" spans="1:16" s="1" customFormat="1" ht="22.5" customHeight="1" x14ac:dyDescent="0.15">
      <c r="B2" s="103"/>
      <c r="P2" s="204"/>
    </row>
    <row r="3" spans="1:16" s="1" customFormat="1" ht="22.5" customHeight="1" x14ac:dyDescent="0.15">
      <c r="B3" s="103"/>
      <c r="P3" s="204"/>
    </row>
    <row r="4" spans="1:16" s="1" customFormat="1" ht="22.5" customHeight="1" x14ac:dyDescent="0.15">
      <c r="B4" s="103"/>
      <c r="P4" s="204"/>
    </row>
    <row r="5" spans="1:16" s="148" customFormat="1" ht="28.5" customHeight="1" x14ac:dyDescent="0.15">
      <c r="A5" s="304" t="s">
        <v>281</v>
      </c>
      <c r="B5" s="304"/>
      <c r="C5" s="304"/>
      <c r="D5" s="304"/>
      <c r="E5" s="304"/>
      <c r="F5" s="304"/>
      <c r="G5" s="304"/>
      <c r="H5" s="304"/>
      <c r="I5" s="304"/>
      <c r="J5" s="304"/>
      <c r="K5" s="305" t="s">
        <v>284</v>
      </c>
      <c r="L5" s="305"/>
      <c r="M5" s="305"/>
      <c r="N5" s="305"/>
      <c r="O5" s="305"/>
      <c r="P5" s="205"/>
    </row>
    <row r="6" spans="1:16" s="148" customFormat="1" ht="21.95" customHeight="1" x14ac:dyDescent="0.15">
      <c r="A6" s="237"/>
      <c r="B6" s="237"/>
      <c r="C6" s="237"/>
      <c r="D6" s="237"/>
      <c r="E6" s="237"/>
      <c r="F6" s="237"/>
      <c r="G6" s="237"/>
      <c r="H6" s="237"/>
      <c r="I6" s="237"/>
      <c r="J6" s="237"/>
      <c r="K6" s="238"/>
      <c r="L6" s="238"/>
      <c r="M6" s="238"/>
      <c r="N6" s="238"/>
      <c r="O6" s="238"/>
      <c r="P6" s="205"/>
    </row>
    <row r="7" spans="1:16" x14ac:dyDescent="0.15">
      <c r="M7" s="94"/>
      <c r="N7" s="94" t="s">
        <v>219</v>
      </c>
    </row>
    <row r="8" spans="1:16" ht="21.75" customHeight="1" x14ac:dyDescent="0.15">
      <c r="B8" s="309" t="s">
        <v>220</v>
      </c>
      <c r="C8" s="310"/>
      <c r="D8" s="310"/>
      <c r="E8" s="310"/>
      <c r="F8" s="310"/>
      <c r="G8" s="310"/>
      <c r="H8" s="311"/>
      <c r="I8" s="315" t="s">
        <v>221</v>
      </c>
      <c r="J8" s="317" t="s">
        <v>222</v>
      </c>
      <c r="K8" s="317" t="s">
        <v>223</v>
      </c>
      <c r="L8" s="317" t="s">
        <v>224</v>
      </c>
      <c r="M8" s="317" t="s">
        <v>225</v>
      </c>
      <c r="N8" s="317" t="s">
        <v>226</v>
      </c>
    </row>
    <row r="9" spans="1:16" ht="21.95" customHeight="1" x14ac:dyDescent="0.15">
      <c r="B9" s="312"/>
      <c r="C9" s="313"/>
      <c r="D9" s="313"/>
      <c r="E9" s="313"/>
      <c r="F9" s="313"/>
      <c r="G9" s="313"/>
      <c r="H9" s="314"/>
      <c r="I9" s="316"/>
      <c r="J9" s="318"/>
      <c r="K9" s="318"/>
      <c r="L9" s="318"/>
      <c r="M9" s="318"/>
      <c r="N9" s="318"/>
    </row>
    <row r="10" spans="1:16" ht="21.95" customHeight="1" x14ac:dyDescent="0.15">
      <c r="B10" s="201" t="s">
        <v>535</v>
      </c>
      <c r="C10" s="199"/>
      <c r="D10" s="199"/>
      <c r="E10" s="199"/>
      <c r="F10" s="199"/>
      <c r="G10" s="199"/>
      <c r="H10" s="200"/>
      <c r="I10" s="137">
        <v>593298208787</v>
      </c>
      <c r="J10" s="137">
        <v>135928462269</v>
      </c>
      <c r="K10" s="137">
        <v>0</v>
      </c>
      <c r="L10" s="137">
        <v>0</v>
      </c>
      <c r="M10" s="146">
        <v>-2274169440</v>
      </c>
      <c r="N10" s="137">
        <v>726952501616</v>
      </c>
    </row>
    <row r="11" spans="1:16" ht="22.5" customHeight="1" x14ac:dyDescent="0.15">
      <c r="B11" s="306" t="s">
        <v>232</v>
      </c>
      <c r="C11" s="307"/>
      <c r="D11" s="307"/>
      <c r="E11" s="307"/>
      <c r="F11" s="307"/>
      <c r="G11" s="307"/>
      <c r="H11" s="308"/>
      <c r="I11" s="137">
        <v>593298208787</v>
      </c>
      <c r="J11" s="137">
        <v>135928462269</v>
      </c>
      <c r="K11" s="137">
        <v>0</v>
      </c>
      <c r="L11" s="137">
        <v>0</v>
      </c>
      <c r="M11" s="146">
        <v>-2274169440</v>
      </c>
      <c r="N11" s="137">
        <v>726952501616</v>
      </c>
    </row>
    <row r="13" spans="1:16" x14ac:dyDescent="0.15">
      <c r="N13" s="105"/>
    </row>
    <row r="32" spans="3:6" x14ac:dyDescent="0.15">
      <c r="C32" s="111"/>
      <c r="D32" s="111"/>
      <c r="E32" s="111"/>
      <c r="F32" s="111"/>
    </row>
    <row r="33" spans="3:6" x14ac:dyDescent="0.15">
      <c r="C33" s="111"/>
      <c r="D33" s="111"/>
      <c r="E33" s="111"/>
      <c r="F33" s="111"/>
    </row>
    <row r="34" spans="3:6" x14ac:dyDescent="0.15">
      <c r="C34" s="111"/>
      <c r="D34" s="111"/>
      <c r="E34" s="111"/>
      <c r="F34" s="111"/>
    </row>
    <row r="35" spans="3:6" x14ac:dyDescent="0.15">
      <c r="C35" s="111"/>
      <c r="D35" s="111"/>
      <c r="E35" s="111"/>
      <c r="F35" s="111"/>
    </row>
  </sheetData>
  <mergeCells count="10">
    <mergeCell ref="B11:H11"/>
    <mergeCell ref="A5:J5"/>
    <mergeCell ref="K5:O5"/>
    <mergeCell ref="B8:H9"/>
    <mergeCell ref="I8:I9"/>
    <mergeCell ref="J8:J9"/>
    <mergeCell ref="K8:K9"/>
    <mergeCell ref="L8:L9"/>
    <mergeCell ref="M8:M9"/>
    <mergeCell ref="N8:N9"/>
  </mergeCells>
  <phoneticPr fontId="24"/>
  <printOptions horizontalCentered="1"/>
  <pageMargins left="0.19685039370078741" right="0.19685039370078741" top="0.31496062992125984" bottom="0.19685039370078741" header="0.11811023622047245" footer="0.11811023622047245"/>
  <pageSetup paperSize="9" scale="58" firstPageNumber="120" fitToWidth="2" fitToHeight="0" orientation="portrait" useFirstPageNumber="1" r:id="rId1"/>
  <headerFooter alignWithMargins="0">
    <oddFooter>&amp;C&amp;"ＭＳ Ｐ明朝,標準"&amp;20&amp;P</oddFooter>
  </headerFooter>
  <colBreaks count="2" manualBreakCount="2">
    <brk id="10" max="42" man="1"/>
    <brk id="19" min="6" max="36" man="1"/>
  </colBreaks>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R35"/>
  <sheetViews>
    <sheetView showGridLines="0" view="pageBreakPreview" zoomScaleNormal="55" zoomScaleSheetLayoutView="100" workbookViewId="0">
      <selection sqref="A1:J1"/>
    </sheetView>
  </sheetViews>
  <sheetFormatPr defaultColWidth="8.875" defaultRowHeight="18.75" x14ac:dyDescent="0.15"/>
  <cols>
    <col min="1" max="1" width="54.625" style="89" customWidth="1"/>
    <col min="2" max="3" width="3.5" style="89" customWidth="1"/>
    <col min="4" max="4" width="6.5" style="89" customWidth="1"/>
    <col min="5" max="7" width="3.5" style="89" customWidth="1"/>
    <col min="8" max="8" width="23.625" style="89" customWidth="1"/>
    <col min="9" max="14" width="32.625" style="89" customWidth="1"/>
    <col min="15" max="15" width="35.625" style="89" customWidth="1"/>
    <col min="16" max="256" width="8.875" style="89"/>
    <col min="257" max="257" width="2.625" style="89" customWidth="1"/>
    <col min="258" max="259" width="3.5" style="89" customWidth="1"/>
    <col min="260" max="260" width="6.5" style="89" customWidth="1"/>
    <col min="261" max="263" width="3.5" style="89" customWidth="1"/>
    <col min="264" max="264" width="5.5" style="89" customWidth="1"/>
    <col min="265" max="270" width="19.375" style="89" customWidth="1"/>
    <col min="271" max="512" width="8.875" style="89"/>
    <col min="513" max="513" width="2.625" style="89" customWidth="1"/>
    <col min="514" max="515" width="3.5" style="89" customWidth="1"/>
    <col min="516" max="516" width="6.5" style="89" customWidth="1"/>
    <col min="517" max="519" width="3.5" style="89" customWidth="1"/>
    <col min="520" max="520" width="5.5" style="89" customWidth="1"/>
    <col min="521" max="526" width="19.375" style="89" customWidth="1"/>
    <col min="527" max="768" width="8.875" style="89"/>
    <col min="769" max="769" width="2.625" style="89" customWidth="1"/>
    <col min="770" max="771" width="3.5" style="89" customWidth="1"/>
    <col min="772" max="772" width="6.5" style="89" customWidth="1"/>
    <col min="773" max="775" width="3.5" style="89" customWidth="1"/>
    <col min="776" max="776" width="5.5" style="89" customWidth="1"/>
    <col min="777" max="782" width="19.375" style="89" customWidth="1"/>
    <col min="783" max="1024" width="8.875" style="89"/>
    <col min="1025" max="1025" width="2.625" style="89" customWidth="1"/>
    <col min="1026" max="1027" width="3.5" style="89" customWidth="1"/>
    <col min="1028" max="1028" width="6.5" style="89" customWidth="1"/>
    <col min="1029" max="1031" width="3.5" style="89" customWidth="1"/>
    <col min="1032" max="1032" width="5.5" style="89" customWidth="1"/>
    <col min="1033" max="1038" width="19.375" style="89" customWidth="1"/>
    <col min="1039" max="1280" width="8.875" style="89"/>
    <col min="1281" max="1281" width="2.625" style="89" customWidth="1"/>
    <col min="1282" max="1283" width="3.5" style="89" customWidth="1"/>
    <col min="1284" max="1284" width="6.5" style="89" customWidth="1"/>
    <col min="1285" max="1287" width="3.5" style="89" customWidth="1"/>
    <col min="1288" max="1288" width="5.5" style="89" customWidth="1"/>
    <col min="1289" max="1294" width="19.375" style="89" customWidth="1"/>
    <col min="1295" max="1536" width="8.875" style="89"/>
    <col min="1537" max="1537" width="2.625" style="89" customWidth="1"/>
    <col min="1538" max="1539" width="3.5" style="89" customWidth="1"/>
    <col min="1540" max="1540" width="6.5" style="89" customWidth="1"/>
    <col min="1541" max="1543" width="3.5" style="89" customWidth="1"/>
    <col min="1544" max="1544" width="5.5" style="89" customWidth="1"/>
    <col min="1545" max="1550" width="19.375" style="89" customWidth="1"/>
    <col min="1551" max="1792" width="8.875" style="89"/>
    <col min="1793" max="1793" width="2.625" style="89" customWidth="1"/>
    <col min="1794" max="1795" width="3.5" style="89" customWidth="1"/>
    <col min="1796" max="1796" width="6.5" style="89" customWidth="1"/>
    <col min="1797" max="1799" width="3.5" style="89" customWidth="1"/>
    <col min="1800" max="1800" width="5.5" style="89" customWidth="1"/>
    <col min="1801" max="1806" width="19.375" style="89" customWidth="1"/>
    <col min="1807" max="2048" width="8.875" style="89"/>
    <col min="2049" max="2049" width="2.625" style="89" customWidth="1"/>
    <col min="2050" max="2051" width="3.5" style="89" customWidth="1"/>
    <col min="2052" max="2052" width="6.5" style="89" customWidth="1"/>
    <col min="2053" max="2055" width="3.5" style="89" customWidth="1"/>
    <col min="2056" max="2056" width="5.5" style="89" customWidth="1"/>
    <col min="2057" max="2062" width="19.375" style="89" customWidth="1"/>
    <col min="2063" max="2304" width="8.875" style="89"/>
    <col min="2305" max="2305" width="2.625" style="89" customWidth="1"/>
    <col min="2306" max="2307" width="3.5" style="89" customWidth="1"/>
    <col min="2308" max="2308" width="6.5" style="89" customWidth="1"/>
    <col min="2309" max="2311" width="3.5" style="89" customWidth="1"/>
    <col min="2312" max="2312" width="5.5" style="89" customWidth="1"/>
    <col min="2313" max="2318" width="19.375" style="89" customWidth="1"/>
    <col min="2319" max="2560" width="8.875" style="89"/>
    <col min="2561" max="2561" width="2.625" style="89" customWidth="1"/>
    <col min="2562" max="2563" width="3.5" style="89" customWidth="1"/>
    <col min="2564" max="2564" width="6.5" style="89" customWidth="1"/>
    <col min="2565" max="2567" width="3.5" style="89" customWidth="1"/>
    <col min="2568" max="2568" width="5.5" style="89" customWidth="1"/>
    <col min="2569" max="2574" width="19.375" style="89" customWidth="1"/>
    <col min="2575" max="2816" width="8.875" style="89"/>
    <col min="2817" max="2817" width="2.625" style="89" customWidth="1"/>
    <col min="2818" max="2819" width="3.5" style="89" customWidth="1"/>
    <col min="2820" max="2820" width="6.5" style="89" customWidth="1"/>
    <col min="2821" max="2823" width="3.5" style="89" customWidth="1"/>
    <col min="2824" max="2824" width="5.5" style="89" customWidth="1"/>
    <col min="2825" max="2830" width="19.375" style="89" customWidth="1"/>
    <col min="2831" max="3072" width="8.875" style="89"/>
    <col min="3073" max="3073" width="2.625" style="89" customWidth="1"/>
    <col min="3074" max="3075" width="3.5" style="89" customWidth="1"/>
    <col min="3076" max="3076" width="6.5" style="89" customWidth="1"/>
    <col min="3077" max="3079" width="3.5" style="89" customWidth="1"/>
    <col min="3080" max="3080" width="5.5" style="89" customWidth="1"/>
    <col min="3081" max="3086" width="19.375" style="89" customWidth="1"/>
    <col min="3087" max="3328" width="8.875" style="89"/>
    <col min="3329" max="3329" width="2.625" style="89" customWidth="1"/>
    <col min="3330" max="3331" width="3.5" style="89" customWidth="1"/>
    <col min="3332" max="3332" width="6.5" style="89" customWidth="1"/>
    <col min="3333" max="3335" width="3.5" style="89" customWidth="1"/>
    <col min="3336" max="3336" width="5.5" style="89" customWidth="1"/>
    <col min="3337" max="3342" width="19.375" style="89" customWidth="1"/>
    <col min="3343" max="3584" width="8.875" style="89"/>
    <col min="3585" max="3585" width="2.625" style="89" customWidth="1"/>
    <col min="3586" max="3587" width="3.5" style="89" customWidth="1"/>
    <col min="3588" max="3588" width="6.5" style="89" customWidth="1"/>
    <col min="3589" max="3591" width="3.5" style="89" customWidth="1"/>
    <col min="3592" max="3592" width="5.5" style="89" customWidth="1"/>
    <col min="3593" max="3598" width="19.375" style="89" customWidth="1"/>
    <col min="3599" max="3840" width="8.875" style="89"/>
    <col min="3841" max="3841" width="2.625" style="89" customWidth="1"/>
    <col min="3842" max="3843" width="3.5" style="89" customWidth="1"/>
    <col min="3844" max="3844" width="6.5" style="89" customWidth="1"/>
    <col min="3845" max="3847" width="3.5" style="89" customWidth="1"/>
    <col min="3848" max="3848" width="5.5" style="89" customWidth="1"/>
    <col min="3849" max="3854" width="19.375" style="89" customWidth="1"/>
    <col min="3855" max="4096" width="8.875" style="89"/>
    <col min="4097" max="4097" width="2.625" style="89" customWidth="1"/>
    <col min="4098" max="4099" width="3.5" style="89" customWidth="1"/>
    <col min="4100" max="4100" width="6.5" style="89" customWidth="1"/>
    <col min="4101" max="4103" width="3.5" style="89" customWidth="1"/>
    <col min="4104" max="4104" width="5.5" style="89" customWidth="1"/>
    <col min="4105" max="4110" width="19.375" style="89" customWidth="1"/>
    <col min="4111" max="4352" width="8.875" style="89"/>
    <col min="4353" max="4353" width="2.625" style="89" customWidth="1"/>
    <col min="4354" max="4355" width="3.5" style="89" customWidth="1"/>
    <col min="4356" max="4356" width="6.5" style="89" customWidth="1"/>
    <col min="4357" max="4359" width="3.5" style="89" customWidth="1"/>
    <col min="4360" max="4360" width="5.5" style="89" customWidth="1"/>
    <col min="4361" max="4366" width="19.375" style="89" customWidth="1"/>
    <col min="4367" max="4608" width="8.875" style="89"/>
    <col min="4609" max="4609" width="2.625" style="89" customWidth="1"/>
    <col min="4610" max="4611" width="3.5" style="89" customWidth="1"/>
    <col min="4612" max="4612" width="6.5" style="89" customWidth="1"/>
    <col min="4613" max="4615" width="3.5" style="89" customWidth="1"/>
    <col min="4616" max="4616" width="5.5" style="89" customWidth="1"/>
    <col min="4617" max="4622" width="19.375" style="89" customWidth="1"/>
    <col min="4623" max="4864" width="8.875" style="89"/>
    <col min="4865" max="4865" width="2.625" style="89" customWidth="1"/>
    <col min="4866" max="4867" width="3.5" style="89" customWidth="1"/>
    <col min="4868" max="4868" width="6.5" style="89" customWidth="1"/>
    <col min="4869" max="4871" width="3.5" style="89" customWidth="1"/>
    <col min="4872" max="4872" width="5.5" style="89" customWidth="1"/>
    <col min="4873" max="4878" width="19.375" style="89" customWidth="1"/>
    <col min="4879" max="5120" width="8.875" style="89"/>
    <col min="5121" max="5121" width="2.625" style="89" customWidth="1"/>
    <col min="5122" max="5123" width="3.5" style="89" customWidth="1"/>
    <col min="5124" max="5124" width="6.5" style="89" customWidth="1"/>
    <col min="5125" max="5127" width="3.5" style="89" customWidth="1"/>
    <col min="5128" max="5128" width="5.5" style="89" customWidth="1"/>
    <col min="5129" max="5134" width="19.375" style="89" customWidth="1"/>
    <col min="5135" max="5376" width="8.875" style="89"/>
    <col min="5377" max="5377" width="2.625" style="89" customWidth="1"/>
    <col min="5378" max="5379" width="3.5" style="89" customWidth="1"/>
    <col min="5380" max="5380" width="6.5" style="89" customWidth="1"/>
    <col min="5381" max="5383" width="3.5" style="89" customWidth="1"/>
    <col min="5384" max="5384" width="5.5" style="89" customWidth="1"/>
    <col min="5385" max="5390" width="19.375" style="89" customWidth="1"/>
    <col min="5391" max="5632" width="8.875" style="89"/>
    <col min="5633" max="5633" width="2.625" style="89" customWidth="1"/>
    <col min="5634" max="5635" width="3.5" style="89" customWidth="1"/>
    <col min="5636" max="5636" width="6.5" style="89" customWidth="1"/>
    <col min="5637" max="5639" width="3.5" style="89" customWidth="1"/>
    <col min="5640" max="5640" width="5.5" style="89" customWidth="1"/>
    <col min="5641" max="5646" width="19.375" style="89" customWidth="1"/>
    <col min="5647" max="5888" width="8.875" style="89"/>
    <col min="5889" max="5889" width="2.625" style="89" customWidth="1"/>
    <col min="5890" max="5891" width="3.5" style="89" customWidth="1"/>
    <col min="5892" max="5892" width="6.5" style="89" customWidth="1"/>
    <col min="5893" max="5895" width="3.5" style="89" customWidth="1"/>
    <col min="5896" max="5896" width="5.5" style="89" customWidth="1"/>
    <col min="5897" max="5902" width="19.375" style="89" customWidth="1"/>
    <col min="5903" max="6144" width="8.875" style="89"/>
    <col min="6145" max="6145" width="2.625" style="89" customWidth="1"/>
    <col min="6146" max="6147" width="3.5" style="89" customWidth="1"/>
    <col min="6148" max="6148" width="6.5" style="89" customWidth="1"/>
    <col min="6149" max="6151" width="3.5" style="89" customWidth="1"/>
    <col min="6152" max="6152" width="5.5" style="89" customWidth="1"/>
    <col min="6153" max="6158" width="19.375" style="89" customWidth="1"/>
    <col min="6159" max="6400" width="8.875" style="89"/>
    <col min="6401" max="6401" width="2.625" style="89" customWidth="1"/>
    <col min="6402" max="6403" width="3.5" style="89" customWidth="1"/>
    <col min="6404" max="6404" width="6.5" style="89" customWidth="1"/>
    <col min="6405" max="6407" width="3.5" style="89" customWidth="1"/>
    <col min="6408" max="6408" width="5.5" style="89" customWidth="1"/>
    <col min="6409" max="6414" width="19.375" style="89" customWidth="1"/>
    <col min="6415" max="6656" width="8.875" style="89"/>
    <col min="6657" max="6657" width="2.625" style="89" customWidth="1"/>
    <col min="6658" max="6659" width="3.5" style="89" customWidth="1"/>
    <col min="6660" max="6660" width="6.5" style="89" customWidth="1"/>
    <col min="6661" max="6663" width="3.5" style="89" customWidth="1"/>
    <col min="6664" max="6664" width="5.5" style="89" customWidth="1"/>
    <col min="6665" max="6670" width="19.375" style="89" customWidth="1"/>
    <col min="6671" max="6912" width="8.875" style="89"/>
    <col min="6913" max="6913" width="2.625" style="89" customWidth="1"/>
    <col min="6914" max="6915" width="3.5" style="89" customWidth="1"/>
    <col min="6916" max="6916" width="6.5" style="89" customWidth="1"/>
    <col min="6917" max="6919" width="3.5" style="89" customWidth="1"/>
    <col min="6920" max="6920" width="5.5" style="89" customWidth="1"/>
    <col min="6921" max="6926" width="19.375" style="89" customWidth="1"/>
    <col min="6927" max="7168" width="8.875" style="89"/>
    <col min="7169" max="7169" width="2.625" style="89" customWidth="1"/>
    <col min="7170" max="7171" width="3.5" style="89" customWidth="1"/>
    <col min="7172" max="7172" width="6.5" style="89" customWidth="1"/>
    <col min="7173" max="7175" width="3.5" style="89" customWidth="1"/>
    <col min="7176" max="7176" width="5.5" style="89" customWidth="1"/>
    <col min="7177" max="7182" width="19.375" style="89" customWidth="1"/>
    <col min="7183" max="7424" width="8.875" style="89"/>
    <col min="7425" max="7425" width="2.625" style="89" customWidth="1"/>
    <col min="7426" max="7427" width="3.5" style="89" customWidth="1"/>
    <col min="7428" max="7428" width="6.5" style="89" customWidth="1"/>
    <col min="7429" max="7431" width="3.5" style="89" customWidth="1"/>
    <col min="7432" max="7432" width="5.5" style="89" customWidth="1"/>
    <col min="7433" max="7438" width="19.375" style="89" customWidth="1"/>
    <col min="7439" max="7680" width="8.875" style="89"/>
    <col min="7681" max="7681" width="2.625" style="89" customWidth="1"/>
    <col min="7682" max="7683" width="3.5" style="89" customWidth="1"/>
    <col min="7684" max="7684" width="6.5" style="89" customWidth="1"/>
    <col min="7685" max="7687" width="3.5" style="89" customWidth="1"/>
    <col min="7688" max="7688" width="5.5" style="89" customWidth="1"/>
    <col min="7689" max="7694" width="19.375" style="89" customWidth="1"/>
    <col min="7695" max="7936" width="8.875" style="89"/>
    <col min="7937" max="7937" width="2.625" style="89" customWidth="1"/>
    <col min="7938" max="7939" width="3.5" style="89" customWidth="1"/>
    <col min="7940" max="7940" width="6.5" style="89" customWidth="1"/>
    <col min="7941" max="7943" width="3.5" style="89" customWidth="1"/>
    <col min="7944" max="7944" width="5.5" style="89" customWidth="1"/>
    <col min="7945" max="7950" width="19.375" style="89" customWidth="1"/>
    <col min="7951" max="8192" width="8.875" style="89"/>
    <col min="8193" max="8193" width="2.625" style="89" customWidth="1"/>
    <col min="8194" max="8195" width="3.5" style="89" customWidth="1"/>
    <col min="8196" max="8196" width="6.5" style="89" customWidth="1"/>
    <col min="8197" max="8199" width="3.5" style="89" customWidth="1"/>
    <col min="8200" max="8200" width="5.5" style="89" customWidth="1"/>
    <col min="8201" max="8206" width="19.375" style="89" customWidth="1"/>
    <col min="8207" max="8448" width="8.875" style="89"/>
    <col min="8449" max="8449" width="2.625" style="89" customWidth="1"/>
    <col min="8450" max="8451" width="3.5" style="89" customWidth="1"/>
    <col min="8452" max="8452" width="6.5" style="89" customWidth="1"/>
    <col min="8453" max="8455" width="3.5" style="89" customWidth="1"/>
    <col min="8456" max="8456" width="5.5" style="89" customWidth="1"/>
    <col min="8457" max="8462" width="19.375" style="89" customWidth="1"/>
    <col min="8463" max="8704" width="8.875" style="89"/>
    <col min="8705" max="8705" width="2.625" style="89" customWidth="1"/>
    <col min="8706" max="8707" width="3.5" style="89" customWidth="1"/>
    <col min="8708" max="8708" width="6.5" style="89" customWidth="1"/>
    <col min="8709" max="8711" width="3.5" style="89" customWidth="1"/>
    <col min="8712" max="8712" width="5.5" style="89" customWidth="1"/>
    <col min="8713" max="8718" width="19.375" style="89" customWidth="1"/>
    <col min="8719" max="8960" width="8.875" style="89"/>
    <col min="8961" max="8961" width="2.625" style="89" customWidth="1"/>
    <col min="8962" max="8963" width="3.5" style="89" customWidth="1"/>
    <col min="8964" max="8964" width="6.5" style="89" customWidth="1"/>
    <col min="8965" max="8967" width="3.5" style="89" customWidth="1"/>
    <col min="8968" max="8968" width="5.5" style="89" customWidth="1"/>
    <col min="8969" max="8974" width="19.375" style="89" customWidth="1"/>
    <col min="8975" max="9216" width="8.875" style="89"/>
    <col min="9217" max="9217" width="2.625" style="89" customWidth="1"/>
    <col min="9218" max="9219" width="3.5" style="89" customWidth="1"/>
    <col min="9220" max="9220" width="6.5" style="89" customWidth="1"/>
    <col min="9221" max="9223" width="3.5" style="89" customWidth="1"/>
    <col min="9224" max="9224" width="5.5" style="89" customWidth="1"/>
    <col min="9225" max="9230" width="19.375" style="89" customWidth="1"/>
    <col min="9231" max="9472" width="8.875" style="89"/>
    <col min="9473" max="9473" width="2.625" style="89" customWidth="1"/>
    <col min="9474" max="9475" width="3.5" style="89" customWidth="1"/>
    <col min="9476" max="9476" width="6.5" style="89" customWidth="1"/>
    <col min="9477" max="9479" width="3.5" style="89" customWidth="1"/>
    <col min="9480" max="9480" width="5.5" style="89" customWidth="1"/>
    <col min="9481" max="9486" width="19.375" style="89" customWidth="1"/>
    <col min="9487" max="9728" width="8.875" style="89"/>
    <col min="9729" max="9729" width="2.625" style="89" customWidth="1"/>
    <col min="9730" max="9731" width="3.5" style="89" customWidth="1"/>
    <col min="9732" max="9732" width="6.5" style="89" customWidth="1"/>
    <col min="9733" max="9735" width="3.5" style="89" customWidth="1"/>
    <col min="9736" max="9736" width="5.5" style="89" customWidth="1"/>
    <col min="9737" max="9742" width="19.375" style="89" customWidth="1"/>
    <col min="9743" max="9984" width="8.875" style="89"/>
    <col min="9985" max="9985" width="2.625" style="89" customWidth="1"/>
    <col min="9986" max="9987" width="3.5" style="89" customWidth="1"/>
    <col min="9988" max="9988" width="6.5" style="89" customWidth="1"/>
    <col min="9989" max="9991" width="3.5" style="89" customWidth="1"/>
    <col min="9992" max="9992" width="5.5" style="89" customWidth="1"/>
    <col min="9993" max="9998" width="19.375" style="89" customWidth="1"/>
    <col min="9999" max="10240" width="8.875" style="89"/>
    <col min="10241" max="10241" width="2.625" style="89" customWidth="1"/>
    <col min="10242" max="10243" width="3.5" style="89" customWidth="1"/>
    <col min="10244" max="10244" width="6.5" style="89" customWidth="1"/>
    <col min="10245" max="10247" width="3.5" style="89" customWidth="1"/>
    <col min="10248" max="10248" width="5.5" style="89" customWidth="1"/>
    <col min="10249" max="10254" width="19.375" style="89" customWidth="1"/>
    <col min="10255" max="10496" width="8.875" style="89"/>
    <col min="10497" max="10497" width="2.625" style="89" customWidth="1"/>
    <col min="10498" max="10499" width="3.5" style="89" customWidth="1"/>
    <col min="10500" max="10500" width="6.5" style="89" customWidth="1"/>
    <col min="10501" max="10503" width="3.5" style="89" customWidth="1"/>
    <col min="10504" max="10504" width="5.5" style="89" customWidth="1"/>
    <col min="10505" max="10510" width="19.375" style="89" customWidth="1"/>
    <col min="10511" max="10752" width="8.875" style="89"/>
    <col min="10753" max="10753" width="2.625" style="89" customWidth="1"/>
    <col min="10754" max="10755" width="3.5" style="89" customWidth="1"/>
    <col min="10756" max="10756" width="6.5" style="89" customWidth="1"/>
    <col min="10757" max="10759" width="3.5" style="89" customWidth="1"/>
    <col min="10760" max="10760" width="5.5" style="89" customWidth="1"/>
    <col min="10761" max="10766" width="19.375" style="89" customWidth="1"/>
    <col min="10767" max="11008" width="8.875" style="89"/>
    <col min="11009" max="11009" width="2.625" style="89" customWidth="1"/>
    <col min="11010" max="11011" width="3.5" style="89" customWidth="1"/>
    <col min="11012" max="11012" width="6.5" style="89" customWidth="1"/>
    <col min="11013" max="11015" width="3.5" style="89" customWidth="1"/>
    <col min="11016" max="11016" width="5.5" style="89" customWidth="1"/>
    <col min="11017" max="11022" width="19.375" style="89" customWidth="1"/>
    <col min="11023" max="11264" width="8.875" style="89"/>
    <col min="11265" max="11265" width="2.625" style="89" customWidth="1"/>
    <col min="11266" max="11267" width="3.5" style="89" customWidth="1"/>
    <col min="11268" max="11268" width="6.5" style="89" customWidth="1"/>
    <col min="11269" max="11271" width="3.5" style="89" customWidth="1"/>
    <col min="11272" max="11272" width="5.5" style="89" customWidth="1"/>
    <col min="11273" max="11278" width="19.375" style="89" customWidth="1"/>
    <col min="11279" max="11520" width="8.875" style="89"/>
    <col min="11521" max="11521" width="2.625" style="89" customWidth="1"/>
    <col min="11522" max="11523" width="3.5" style="89" customWidth="1"/>
    <col min="11524" max="11524" width="6.5" style="89" customWidth="1"/>
    <col min="11525" max="11527" width="3.5" style="89" customWidth="1"/>
    <col min="11528" max="11528" width="5.5" style="89" customWidth="1"/>
    <col min="11529" max="11534" width="19.375" style="89" customWidth="1"/>
    <col min="11535" max="11776" width="8.875" style="89"/>
    <col min="11777" max="11777" width="2.625" style="89" customWidth="1"/>
    <col min="11778" max="11779" width="3.5" style="89" customWidth="1"/>
    <col min="11780" max="11780" width="6.5" style="89" customWidth="1"/>
    <col min="11781" max="11783" width="3.5" style="89" customWidth="1"/>
    <col min="11784" max="11784" width="5.5" style="89" customWidth="1"/>
    <col min="11785" max="11790" width="19.375" style="89" customWidth="1"/>
    <col min="11791" max="12032" width="8.875" style="89"/>
    <col min="12033" max="12033" width="2.625" style="89" customWidth="1"/>
    <col min="12034" max="12035" width="3.5" style="89" customWidth="1"/>
    <col min="12036" max="12036" width="6.5" style="89" customWidth="1"/>
    <col min="12037" max="12039" width="3.5" style="89" customWidth="1"/>
    <col min="12040" max="12040" width="5.5" style="89" customWidth="1"/>
    <col min="12041" max="12046" width="19.375" style="89" customWidth="1"/>
    <col min="12047" max="12288" width="8.875" style="89"/>
    <col min="12289" max="12289" width="2.625" style="89" customWidth="1"/>
    <col min="12290" max="12291" width="3.5" style="89" customWidth="1"/>
    <col min="12292" max="12292" width="6.5" style="89" customWidth="1"/>
    <col min="12293" max="12295" width="3.5" style="89" customWidth="1"/>
    <col min="12296" max="12296" width="5.5" style="89" customWidth="1"/>
    <col min="12297" max="12302" width="19.375" style="89" customWidth="1"/>
    <col min="12303" max="12544" width="8.875" style="89"/>
    <col min="12545" max="12545" width="2.625" style="89" customWidth="1"/>
    <col min="12546" max="12547" width="3.5" style="89" customWidth="1"/>
    <col min="12548" max="12548" width="6.5" style="89" customWidth="1"/>
    <col min="12549" max="12551" width="3.5" style="89" customWidth="1"/>
    <col min="12552" max="12552" width="5.5" style="89" customWidth="1"/>
    <col min="12553" max="12558" width="19.375" style="89" customWidth="1"/>
    <col min="12559" max="12800" width="8.875" style="89"/>
    <col min="12801" max="12801" width="2.625" style="89" customWidth="1"/>
    <col min="12802" max="12803" width="3.5" style="89" customWidth="1"/>
    <col min="12804" max="12804" width="6.5" style="89" customWidth="1"/>
    <col min="12805" max="12807" width="3.5" style="89" customWidth="1"/>
    <col min="12808" max="12808" width="5.5" style="89" customWidth="1"/>
    <col min="12809" max="12814" width="19.375" style="89" customWidth="1"/>
    <col min="12815" max="13056" width="8.875" style="89"/>
    <col min="13057" max="13057" width="2.625" style="89" customWidth="1"/>
    <col min="13058" max="13059" width="3.5" style="89" customWidth="1"/>
    <col min="13060" max="13060" width="6.5" style="89" customWidth="1"/>
    <col min="13061" max="13063" width="3.5" style="89" customWidth="1"/>
    <col min="13064" max="13064" width="5.5" style="89" customWidth="1"/>
    <col min="13065" max="13070" width="19.375" style="89" customWidth="1"/>
    <col min="13071" max="13312" width="8.875" style="89"/>
    <col min="13313" max="13313" width="2.625" style="89" customWidth="1"/>
    <col min="13314" max="13315" width="3.5" style="89" customWidth="1"/>
    <col min="13316" max="13316" width="6.5" style="89" customWidth="1"/>
    <col min="13317" max="13319" width="3.5" style="89" customWidth="1"/>
    <col min="13320" max="13320" width="5.5" style="89" customWidth="1"/>
    <col min="13321" max="13326" width="19.375" style="89" customWidth="1"/>
    <col min="13327" max="13568" width="8.875" style="89"/>
    <col min="13569" max="13569" width="2.625" style="89" customWidth="1"/>
    <col min="13570" max="13571" width="3.5" style="89" customWidth="1"/>
    <col min="13572" max="13572" width="6.5" style="89" customWidth="1"/>
    <col min="13573" max="13575" width="3.5" style="89" customWidth="1"/>
    <col min="13576" max="13576" width="5.5" style="89" customWidth="1"/>
    <col min="13577" max="13582" width="19.375" style="89" customWidth="1"/>
    <col min="13583" max="13824" width="8.875" style="89"/>
    <col min="13825" max="13825" width="2.625" style="89" customWidth="1"/>
    <col min="13826" max="13827" width="3.5" style="89" customWidth="1"/>
    <col min="13828" max="13828" width="6.5" style="89" customWidth="1"/>
    <col min="13829" max="13831" width="3.5" style="89" customWidth="1"/>
    <col min="13832" max="13832" width="5.5" style="89" customWidth="1"/>
    <col min="13833" max="13838" width="19.375" style="89" customWidth="1"/>
    <col min="13839" max="14080" width="8.875" style="89"/>
    <col min="14081" max="14081" width="2.625" style="89" customWidth="1"/>
    <col min="14082" max="14083" width="3.5" style="89" customWidth="1"/>
    <col min="14084" max="14084" width="6.5" style="89" customWidth="1"/>
    <col min="14085" max="14087" width="3.5" style="89" customWidth="1"/>
    <col min="14088" max="14088" width="5.5" style="89" customWidth="1"/>
    <col min="14089" max="14094" width="19.375" style="89" customWidth="1"/>
    <col min="14095" max="14336" width="8.875" style="89"/>
    <col min="14337" max="14337" width="2.625" style="89" customWidth="1"/>
    <col min="14338" max="14339" width="3.5" style="89" customWidth="1"/>
    <col min="14340" max="14340" width="6.5" style="89" customWidth="1"/>
    <col min="14341" max="14343" width="3.5" style="89" customWidth="1"/>
    <col min="14344" max="14344" width="5.5" style="89" customWidth="1"/>
    <col min="14345" max="14350" width="19.375" style="89" customWidth="1"/>
    <col min="14351" max="14592" width="8.875" style="89"/>
    <col min="14593" max="14593" width="2.625" style="89" customWidth="1"/>
    <col min="14594" max="14595" width="3.5" style="89" customWidth="1"/>
    <col min="14596" max="14596" width="6.5" style="89" customWidth="1"/>
    <col min="14597" max="14599" width="3.5" style="89" customWidth="1"/>
    <col min="14600" max="14600" width="5.5" style="89" customWidth="1"/>
    <col min="14601" max="14606" width="19.375" style="89" customWidth="1"/>
    <col min="14607" max="14848" width="8.875" style="89"/>
    <col min="14849" max="14849" width="2.625" style="89" customWidth="1"/>
    <col min="14850" max="14851" width="3.5" style="89" customWidth="1"/>
    <col min="14852" max="14852" width="6.5" style="89" customWidth="1"/>
    <col min="14853" max="14855" width="3.5" style="89" customWidth="1"/>
    <col min="14856" max="14856" width="5.5" style="89" customWidth="1"/>
    <col min="14857" max="14862" width="19.375" style="89" customWidth="1"/>
    <col min="14863" max="15104" width="8.875" style="89"/>
    <col min="15105" max="15105" width="2.625" style="89" customWidth="1"/>
    <col min="15106" max="15107" width="3.5" style="89" customWidth="1"/>
    <col min="15108" max="15108" width="6.5" style="89" customWidth="1"/>
    <col min="15109" max="15111" width="3.5" style="89" customWidth="1"/>
    <col min="15112" max="15112" width="5.5" style="89" customWidth="1"/>
    <col min="15113" max="15118" width="19.375" style="89" customWidth="1"/>
    <col min="15119" max="15360" width="8.875" style="89"/>
    <col min="15361" max="15361" width="2.625" style="89" customWidth="1"/>
    <col min="15362" max="15363" width="3.5" style="89" customWidth="1"/>
    <col min="15364" max="15364" width="6.5" style="89" customWidth="1"/>
    <col min="15365" max="15367" width="3.5" style="89" customWidth="1"/>
    <col min="15368" max="15368" width="5.5" style="89" customWidth="1"/>
    <col min="15369" max="15374" width="19.375" style="89" customWidth="1"/>
    <col min="15375" max="15616" width="8.875" style="89"/>
    <col min="15617" max="15617" width="2.625" style="89" customWidth="1"/>
    <col min="15618" max="15619" width="3.5" style="89" customWidth="1"/>
    <col min="15620" max="15620" width="6.5" style="89" customWidth="1"/>
    <col min="15621" max="15623" width="3.5" style="89" customWidth="1"/>
    <col min="15624" max="15624" width="5.5" style="89" customWidth="1"/>
    <col min="15625" max="15630" width="19.375" style="89" customWidth="1"/>
    <col min="15631" max="15872" width="8.875" style="89"/>
    <col min="15873" max="15873" width="2.625" style="89" customWidth="1"/>
    <col min="15874" max="15875" width="3.5" style="89" customWidth="1"/>
    <col min="15876" max="15876" width="6.5" style="89" customWidth="1"/>
    <col min="15877" max="15879" width="3.5" style="89" customWidth="1"/>
    <col min="15880" max="15880" width="5.5" style="89" customWidth="1"/>
    <col min="15881" max="15886" width="19.375" style="89" customWidth="1"/>
    <col min="15887" max="16128" width="8.875" style="89"/>
    <col min="16129" max="16129" width="2.625" style="89" customWidth="1"/>
    <col min="16130" max="16131" width="3.5" style="89" customWidth="1"/>
    <col min="16132" max="16132" width="6.5" style="89" customWidth="1"/>
    <col min="16133" max="16135" width="3.5" style="89" customWidth="1"/>
    <col min="16136" max="16136" width="5.5" style="89" customWidth="1"/>
    <col min="16137" max="16142" width="19.375" style="89" customWidth="1"/>
    <col min="16143" max="16384" width="8.875" style="89"/>
  </cols>
  <sheetData>
    <row r="1" spans="1:18" s="102" customFormat="1" ht="22.5" customHeight="1" x14ac:dyDescent="0.15">
      <c r="A1" s="275" t="s">
        <v>534</v>
      </c>
      <c r="B1" s="275"/>
      <c r="C1" s="275"/>
      <c r="D1" s="275"/>
      <c r="E1" s="275"/>
      <c r="F1" s="275"/>
      <c r="G1" s="275"/>
      <c r="H1" s="275"/>
      <c r="I1" s="275"/>
      <c r="J1" s="275"/>
      <c r="K1" s="160"/>
    </row>
    <row r="2" spans="1:18" s="1" customFormat="1" ht="22.5" customHeight="1" x14ac:dyDescent="0.15">
      <c r="B2" s="103"/>
    </row>
    <row r="3" spans="1:18" s="1" customFormat="1" ht="22.5" customHeight="1" x14ac:dyDescent="0.15">
      <c r="B3" s="103"/>
    </row>
    <row r="4" spans="1:18" s="1" customFormat="1" ht="22.5" customHeight="1" x14ac:dyDescent="0.15">
      <c r="B4" s="103"/>
    </row>
    <row r="5" spans="1:18" s="148" customFormat="1" ht="28.5" customHeight="1" x14ac:dyDescent="0.15">
      <c r="A5" s="304" t="s">
        <v>405</v>
      </c>
      <c r="B5" s="304"/>
      <c r="C5" s="304"/>
      <c r="D5" s="304"/>
      <c r="E5" s="304"/>
      <c r="F5" s="304"/>
      <c r="G5" s="304"/>
      <c r="H5" s="304"/>
      <c r="I5" s="304"/>
      <c r="J5" s="304"/>
      <c r="K5" s="305" t="s">
        <v>284</v>
      </c>
      <c r="L5" s="305"/>
      <c r="M5" s="305"/>
      <c r="N5" s="305"/>
      <c r="O5" s="305"/>
      <c r="P5" s="159"/>
      <c r="Q5" s="159"/>
      <c r="R5" s="159"/>
    </row>
    <row r="6" spans="1:18" s="148" customFormat="1" ht="21.95" customHeight="1" x14ac:dyDescent="0.15">
      <c r="A6" s="237"/>
      <c r="B6" s="237"/>
      <c r="C6" s="237"/>
      <c r="D6" s="237"/>
      <c r="E6" s="237"/>
      <c r="F6" s="237"/>
      <c r="G6" s="237"/>
      <c r="H6" s="237"/>
      <c r="I6" s="237"/>
      <c r="J6" s="237"/>
      <c r="K6" s="238"/>
      <c r="L6" s="238"/>
      <c r="M6" s="238"/>
      <c r="N6" s="238"/>
      <c r="O6" s="238"/>
      <c r="P6" s="159"/>
      <c r="Q6" s="159"/>
      <c r="R6" s="159"/>
    </row>
    <row r="7" spans="1:18" x14ac:dyDescent="0.15">
      <c r="B7" s="339"/>
      <c r="C7" s="339"/>
      <c r="D7" s="339"/>
      <c r="F7" s="99"/>
      <c r="N7" s="90" t="s">
        <v>202</v>
      </c>
    </row>
    <row r="8" spans="1:18" ht="22.5" customHeight="1" x14ac:dyDescent="0.15">
      <c r="B8" s="340" t="s">
        <v>1</v>
      </c>
      <c r="C8" s="341"/>
      <c r="D8" s="341"/>
      <c r="E8" s="341"/>
      <c r="F8" s="341"/>
      <c r="G8" s="341"/>
      <c r="H8" s="342"/>
      <c r="I8" s="346" t="s">
        <v>204</v>
      </c>
      <c r="J8" s="317" t="s">
        <v>205</v>
      </c>
      <c r="K8" s="306" t="s">
        <v>206</v>
      </c>
      <c r="L8" s="307"/>
      <c r="M8" s="308"/>
      <c r="N8" s="337" t="s">
        <v>268</v>
      </c>
    </row>
    <row r="9" spans="1:18" ht="22.5" customHeight="1" x14ac:dyDescent="0.15">
      <c r="B9" s="343"/>
      <c r="C9" s="344"/>
      <c r="D9" s="344"/>
      <c r="E9" s="344"/>
      <c r="F9" s="344"/>
      <c r="G9" s="344"/>
      <c r="H9" s="345"/>
      <c r="I9" s="347"/>
      <c r="J9" s="318"/>
      <c r="K9" s="100" t="s">
        <v>269</v>
      </c>
      <c r="L9" s="100" t="s">
        <v>224</v>
      </c>
      <c r="M9" s="100" t="s">
        <v>265</v>
      </c>
      <c r="N9" s="338"/>
    </row>
    <row r="10" spans="1:18" ht="22.5" customHeight="1" x14ac:dyDescent="0.15">
      <c r="B10" s="336" t="s">
        <v>270</v>
      </c>
      <c r="C10" s="336"/>
      <c r="D10" s="336"/>
      <c r="E10" s="336"/>
      <c r="F10" s="336"/>
      <c r="G10" s="336"/>
      <c r="H10" s="336"/>
      <c r="I10" s="91">
        <v>0</v>
      </c>
      <c r="J10" s="146">
        <v>0</v>
      </c>
      <c r="K10" s="146">
        <v>0</v>
      </c>
      <c r="L10" s="146">
        <v>0</v>
      </c>
      <c r="M10" s="146">
        <v>0</v>
      </c>
      <c r="N10" s="91">
        <v>0</v>
      </c>
    </row>
    <row r="11" spans="1:18" ht="22.5" customHeight="1" x14ac:dyDescent="0.15">
      <c r="B11" s="336" t="s">
        <v>271</v>
      </c>
      <c r="C11" s="336"/>
      <c r="D11" s="336"/>
      <c r="E11" s="336"/>
      <c r="F11" s="336"/>
      <c r="G11" s="336"/>
      <c r="H11" s="336"/>
      <c r="I11" s="91">
        <v>0</v>
      </c>
      <c r="J11" s="146">
        <v>0</v>
      </c>
      <c r="K11" s="146">
        <v>0</v>
      </c>
      <c r="L11" s="146">
        <v>0</v>
      </c>
      <c r="M11" s="146">
        <v>0</v>
      </c>
      <c r="N11" s="91">
        <v>0</v>
      </c>
    </row>
    <row r="12" spans="1:18" ht="22.5" customHeight="1" x14ac:dyDescent="0.15">
      <c r="B12" s="336" t="s">
        <v>272</v>
      </c>
      <c r="C12" s="336"/>
      <c r="D12" s="336"/>
      <c r="E12" s="336"/>
      <c r="F12" s="336"/>
      <c r="G12" s="336"/>
      <c r="H12" s="336"/>
      <c r="I12" s="91">
        <v>0</v>
      </c>
      <c r="J12" s="146">
        <v>0</v>
      </c>
      <c r="K12" s="146">
        <v>0</v>
      </c>
      <c r="L12" s="146">
        <v>0</v>
      </c>
      <c r="M12" s="146">
        <v>0</v>
      </c>
      <c r="N12" s="91">
        <v>0</v>
      </c>
    </row>
    <row r="13" spans="1:18" ht="22.5" customHeight="1" x14ac:dyDescent="0.15">
      <c r="B13" s="336" t="s">
        <v>273</v>
      </c>
      <c r="C13" s="336"/>
      <c r="D13" s="336"/>
      <c r="E13" s="336"/>
      <c r="F13" s="336"/>
      <c r="G13" s="336"/>
      <c r="H13" s="336"/>
      <c r="I13" s="91">
        <v>0</v>
      </c>
      <c r="J13" s="146">
        <v>0</v>
      </c>
      <c r="K13" s="146">
        <v>0</v>
      </c>
      <c r="L13" s="146">
        <v>0</v>
      </c>
      <c r="M13" s="146">
        <v>0</v>
      </c>
      <c r="N13" s="91">
        <v>0</v>
      </c>
    </row>
    <row r="14" spans="1:18" ht="22.5" customHeight="1" x14ac:dyDescent="0.15">
      <c r="B14" s="336" t="s">
        <v>274</v>
      </c>
      <c r="C14" s="336"/>
      <c r="D14" s="336"/>
      <c r="E14" s="336"/>
      <c r="F14" s="336"/>
      <c r="G14" s="336"/>
      <c r="H14" s="336"/>
      <c r="I14" s="91">
        <v>0</v>
      </c>
      <c r="J14" s="146">
        <v>0</v>
      </c>
      <c r="K14" s="146">
        <v>0</v>
      </c>
      <c r="L14" s="146">
        <v>0</v>
      </c>
      <c r="M14" s="146">
        <v>0</v>
      </c>
      <c r="N14" s="91">
        <v>0</v>
      </c>
    </row>
    <row r="15" spans="1:18" ht="22.5" customHeight="1" x14ac:dyDescent="0.15">
      <c r="B15" s="336" t="s">
        <v>275</v>
      </c>
      <c r="C15" s="336"/>
      <c r="D15" s="336"/>
      <c r="E15" s="336"/>
      <c r="F15" s="336"/>
      <c r="G15" s="336"/>
      <c r="H15" s="336"/>
      <c r="I15" s="91">
        <v>0</v>
      </c>
      <c r="J15" s="146">
        <v>0</v>
      </c>
      <c r="K15" s="146">
        <v>0</v>
      </c>
      <c r="L15" s="146">
        <v>0</v>
      </c>
      <c r="M15" s="146">
        <v>0</v>
      </c>
      <c r="N15" s="91">
        <v>0</v>
      </c>
    </row>
    <row r="16" spans="1:18" ht="22.5" customHeight="1" x14ac:dyDescent="0.15">
      <c r="B16" s="336" t="s">
        <v>48</v>
      </c>
      <c r="C16" s="336"/>
      <c r="D16" s="336"/>
      <c r="E16" s="336"/>
      <c r="F16" s="336"/>
      <c r="G16" s="336"/>
      <c r="H16" s="336"/>
      <c r="I16" s="91">
        <v>10420147</v>
      </c>
      <c r="J16" s="146">
        <v>9946136</v>
      </c>
      <c r="K16" s="146">
        <v>10420147</v>
      </c>
      <c r="L16" s="146">
        <v>0</v>
      </c>
      <c r="M16" s="146">
        <v>10420147</v>
      </c>
      <c r="N16" s="91">
        <v>9946136</v>
      </c>
    </row>
    <row r="17" spans="2:14" ht="22.5" customHeight="1" x14ac:dyDescent="0.15">
      <c r="B17" s="336" t="s">
        <v>56</v>
      </c>
      <c r="C17" s="336"/>
      <c r="D17" s="336"/>
      <c r="E17" s="336"/>
      <c r="F17" s="336"/>
      <c r="G17" s="336"/>
      <c r="H17" s="336"/>
      <c r="I17" s="91">
        <v>51417345</v>
      </c>
      <c r="J17" s="146">
        <v>9546915</v>
      </c>
      <c r="K17" s="146">
        <v>0</v>
      </c>
      <c r="L17" s="146">
        <v>0</v>
      </c>
      <c r="M17" s="146">
        <v>0</v>
      </c>
      <c r="N17" s="91">
        <v>60964260</v>
      </c>
    </row>
    <row r="18" spans="2:14" ht="22.5" customHeight="1" x14ac:dyDescent="0.15">
      <c r="B18" s="336" t="s">
        <v>57</v>
      </c>
      <c r="C18" s="336"/>
      <c r="D18" s="336"/>
      <c r="E18" s="336"/>
      <c r="F18" s="336"/>
      <c r="G18" s="336"/>
      <c r="H18" s="336"/>
      <c r="I18" s="91">
        <v>0</v>
      </c>
      <c r="J18" s="146">
        <v>0</v>
      </c>
      <c r="K18" s="146">
        <v>0</v>
      </c>
      <c r="L18" s="146">
        <v>0</v>
      </c>
      <c r="M18" s="146">
        <v>0</v>
      </c>
      <c r="N18" s="91">
        <v>0</v>
      </c>
    </row>
    <row r="19" spans="2:14" ht="22.5" customHeight="1" x14ac:dyDescent="0.15">
      <c r="B19" s="348" t="s">
        <v>232</v>
      </c>
      <c r="C19" s="348"/>
      <c r="D19" s="348"/>
      <c r="E19" s="348"/>
      <c r="F19" s="348"/>
      <c r="G19" s="348"/>
      <c r="H19" s="348"/>
      <c r="I19" s="91">
        <v>61837492</v>
      </c>
      <c r="J19" s="146">
        <v>19493051</v>
      </c>
      <c r="K19" s="146">
        <v>10420147</v>
      </c>
      <c r="L19" s="146">
        <v>0</v>
      </c>
      <c r="M19" s="146">
        <v>10420147</v>
      </c>
      <c r="N19" s="91">
        <v>70910396</v>
      </c>
    </row>
    <row r="21" spans="2:14" x14ac:dyDescent="0.15">
      <c r="I21" s="202"/>
      <c r="J21" s="202"/>
      <c r="K21" s="202"/>
      <c r="L21" s="202"/>
      <c r="M21" s="202"/>
      <c r="N21" s="202"/>
    </row>
    <row r="32" spans="2:14" x14ac:dyDescent="0.15">
      <c r="C32" s="74"/>
      <c r="D32" s="74"/>
      <c r="E32" s="74"/>
      <c r="F32" s="74"/>
    </row>
    <row r="33" spans="3:6" x14ac:dyDescent="0.15">
      <c r="C33" s="74"/>
      <c r="D33" s="74"/>
      <c r="E33" s="74"/>
      <c r="F33" s="74"/>
    </row>
    <row r="34" spans="3:6" x14ac:dyDescent="0.15">
      <c r="C34" s="74"/>
      <c r="D34" s="74"/>
      <c r="E34" s="74"/>
      <c r="F34" s="74"/>
    </row>
    <row r="35" spans="3:6" x14ac:dyDescent="0.15">
      <c r="C35" s="74"/>
      <c r="D35" s="74"/>
      <c r="E35" s="74"/>
      <c r="F35" s="74"/>
    </row>
  </sheetData>
  <mergeCells count="19">
    <mergeCell ref="K8:M8"/>
    <mergeCell ref="N8:N9"/>
    <mergeCell ref="K5:O5"/>
    <mergeCell ref="B16:H16"/>
    <mergeCell ref="B17:H17"/>
    <mergeCell ref="B18:H18"/>
    <mergeCell ref="B19:H19"/>
    <mergeCell ref="A1:J1"/>
    <mergeCell ref="A5:J5"/>
    <mergeCell ref="B10:H10"/>
    <mergeCell ref="B11:H11"/>
    <mergeCell ref="B12:H12"/>
    <mergeCell ref="B13:H13"/>
    <mergeCell ref="B14:H14"/>
    <mergeCell ref="B15:H15"/>
    <mergeCell ref="B7:D7"/>
    <mergeCell ref="B8:H9"/>
    <mergeCell ref="I8:I9"/>
    <mergeCell ref="J8:J9"/>
  </mergeCells>
  <phoneticPr fontId="24"/>
  <printOptions horizontalCentered="1"/>
  <pageMargins left="0.19685039370078741" right="0.19685039370078741" top="0.31496062992125984" bottom="0.19685039370078741" header="0.11811023622047245" footer="0.11811023622047245"/>
  <pageSetup paperSize="9" scale="58" firstPageNumber="122" fitToWidth="2" fitToHeight="0" orientation="portrait" useFirstPageNumber="1" r:id="rId1"/>
  <headerFooter>
    <oddFooter>&amp;C&amp;"ＭＳ Ｐ明朝,標準"&amp;20&amp;P</oddFooter>
  </headerFooter>
  <colBreaks count="1" manualBreakCount="1">
    <brk id="10" max="16"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P45"/>
  <sheetViews>
    <sheetView showGridLines="0" view="pageBreakPreview" zoomScaleNormal="55" zoomScaleSheetLayoutView="100" workbookViewId="0">
      <selection sqref="A1:K1"/>
    </sheetView>
  </sheetViews>
  <sheetFormatPr defaultColWidth="8.875" defaultRowHeight="18.75" x14ac:dyDescent="0.15"/>
  <cols>
    <col min="1" max="1" width="32.625" style="74" customWidth="1"/>
    <col min="2" max="6" width="2.125" style="74" customWidth="1"/>
    <col min="7" max="7" width="2.625" style="74" customWidth="1"/>
    <col min="8" max="8" width="24.125" style="74" customWidth="1"/>
    <col min="9" max="12" width="32.625" style="74" customWidth="1"/>
    <col min="13" max="13" width="37.375" style="74" bestFit="1" customWidth="1"/>
    <col min="14" max="16" width="32.625" style="74" customWidth="1"/>
    <col min="17" max="256" width="8.875" style="74"/>
    <col min="257" max="257" width="2.625" style="74" customWidth="1"/>
    <col min="258" max="262" width="2.125" style="74" customWidth="1"/>
    <col min="263" max="263" width="2.625" style="74" customWidth="1"/>
    <col min="264" max="264" width="10.625" style="74" customWidth="1"/>
    <col min="265" max="268" width="21.625" style="74" customWidth="1"/>
    <col min="269" max="269" width="22.625" style="74" customWidth="1"/>
    <col min="270" max="271" width="21.625" style="74" customWidth="1"/>
    <col min="272" max="512" width="8.875" style="74"/>
    <col min="513" max="513" width="2.625" style="74" customWidth="1"/>
    <col min="514" max="518" width="2.125" style="74" customWidth="1"/>
    <col min="519" max="519" width="2.625" style="74" customWidth="1"/>
    <col min="520" max="520" width="10.625" style="74" customWidth="1"/>
    <col min="521" max="524" width="21.625" style="74" customWidth="1"/>
    <col min="525" max="525" width="22.625" style="74" customWidth="1"/>
    <col min="526" max="527" width="21.625" style="74" customWidth="1"/>
    <col min="528" max="768" width="8.875" style="74"/>
    <col min="769" max="769" width="2.625" style="74" customWidth="1"/>
    <col min="770" max="774" width="2.125" style="74" customWidth="1"/>
    <col min="775" max="775" width="2.625" style="74" customWidth="1"/>
    <col min="776" max="776" width="10.625" style="74" customWidth="1"/>
    <col min="777" max="780" width="21.625" style="74" customWidth="1"/>
    <col min="781" max="781" width="22.625" style="74" customWidth="1"/>
    <col min="782" max="783" width="21.625" style="74" customWidth="1"/>
    <col min="784" max="1024" width="8.875" style="74"/>
    <col min="1025" max="1025" width="2.625" style="74" customWidth="1"/>
    <col min="1026" max="1030" width="2.125" style="74" customWidth="1"/>
    <col min="1031" max="1031" width="2.625" style="74" customWidth="1"/>
    <col min="1032" max="1032" width="10.625" style="74" customWidth="1"/>
    <col min="1033" max="1036" width="21.625" style="74" customWidth="1"/>
    <col min="1037" max="1037" width="22.625" style="74" customWidth="1"/>
    <col min="1038" max="1039" width="21.625" style="74" customWidth="1"/>
    <col min="1040" max="1280" width="8.875" style="74"/>
    <col min="1281" max="1281" width="2.625" style="74" customWidth="1"/>
    <col min="1282" max="1286" width="2.125" style="74" customWidth="1"/>
    <col min="1287" max="1287" width="2.625" style="74" customWidth="1"/>
    <col min="1288" max="1288" width="10.625" style="74" customWidth="1"/>
    <col min="1289" max="1292" width="21.625" style="74" customWidth="1"/>
    <col min="1293" max="1293" width="22.625" style="74" customWidth="1"/>
    <col min="1294" max="1295" width="21.625" style="74" customWidth="1"/>
    <col min="1296" max="1536" width="8.875" style="74"/>
    <col min="1537" max="1537" width="2.625" style="74" customWidth="1"/>
    <col min="1538" max="1542" width="2.125" style="74" customWidth="1"/>
    <col min="1543" max="1543" width="2.625" style="74" customWidth="1"/>
    <col min="1544" max="1544" width="10.625" style="74" customWidth="1"/>
    <col min="1545" max="1548" width="21.625" style="74" customWidth="1"/>
    <col min="1549" max="1549" width="22.625" style="74" customWidth="1"/>
    <col min="1550" max="1551" width="21.625" style="74" customWidth="1"/>
    <col min="1552" max="1792" width="8.875" style="74"/>
    <col min="1793" max="1793" width="2.625" style="74" customWidth="1"/>
    <col min="1794" max="1798" width="2.125" style="74" customWidth="1"/>
    <col min="1799" max="1799" width="2.625" style="74" customWidth="1"/>
    <col min="1800" max="1800" width="10.625" style="74" customWidth="1"/>
    <col min="1801" max="1804" width="21.625" style="74" customWidth="1"/>
    <col min="1805" max="1805" width="22.625" style="74" customWidth="1"/>
    <col min="1806" max="1807" width="21.625" style="74" customWidth="1"/>
    <col min="1808" max="2048" width="8.875" style="74"/>
    <col min="2049" max="2049" width="2.625" style="74" customWidth="1"/>
    <col min="2050" max="2054" width="2.125" style="74" customWidth="1"/>
    <col min="2055" max="2055" width="2.625" style="74" customWidth="1"/>
    <col min="2056" max="2056" width="10.625" style="74" customWidth="1"/>
    <col min="2057" max="2060" width="21.625" style="74" customWidth="1"/>
    <col min="2061" max="2061" width="22.625" style="74" customWidth="1"/>
    <col min="2062" max="2063" width="21.625" style="74" customWidth="1"/>
    <col min="2064" max="2304" width="8.875" style="74"/>
    <col min="2305" max="2305" width="2.625" style="74" customWidth="1"/>
    <col min="2306" max="2310" width="2.125" style="74" customWidth="1"/>
    <col min="2311" max="2311" width="2.625" style="74" customWidth="1"/>
    <col min="2312" max="2312" width="10.625" style="74" customWidth="1"/>
    <col min="2313" max="2316" width="21.625" style="74" customWidth="1"/>
    <col min="2317" max="2317" width="22.625" style="74" customWidth="1"/>
    <col min="2318" max="2319" width="21.625" style="74" customWidth="1"/>
    <col min="2320" max="2560" width="8.875" style="74"/>
    <col min="2561" max="2561" width="2.625" style="74" customWidth="1"/>
    <col min="2562" max="2566" width="2.125" style="74" customWidth="1"/>
    <col min="2567" max="2567" width="2.625" style="74" customWidth="1"/>
    <col min="2568" max="2568" width="10.625" style="74" customWidth="1"/>
    <col min="2569" max="2572" width="21.625" style="74" customWidth="1"/>
    <col min="2573" max="2573" width="22.625" style="74" customWidth="1"/>
    <col min="2574" max="2575" width="21.625" style="74" customWidth="1"/>
    <col min="2576" max="2816" width="8.875" style="74"/>
    <col min="2817" max="2817" width="2.625" style="74" customWidth="1"/>
    <col min="2818" max="2822" width="2.125" style="74" customWidth="1"/>
    <col min="2823" max="2823" width="2.625" style="74" customWidth="1"/>
    <col min="2824" max="2824" width="10.625" style="74" customWidth="1"/>
    <col min="2825" max="2828" width="21.625" style="74" customWidth="1"/>
    <col min="2829" max="2829" width="22.625" style="74" customWidth="1"/>
    <col min="2830" max="2831" width="21.625" style="74" customWidth="1"/>
    <col min="2832" max="3072" width="8.875" style="74"/>
    <col min="3073" max="3073" width="2.625" style="74" customWidth="1"/>
    <col min="3074" max="3078" width="2.125" style="74" customWidth="1"/>
    <col min="3079" max="3079" width="2.625" style="74" customWidth="1"/>
    <col min="3080" max="3080" width="10.625" style="74" customWidth="1"/>
    <col min="3081" max="3084" width="21.625" style="74" customWidth="1"/>
    <col min="3085" max="3085" width="22.625" style="74" customWidth="1"/>
    <col min="3086" max="3087" width="21.625" style="74" customWidth="1"/>
    <col min="3088" max="3328" width="8.875" style="74"/>
    <col min="3329" max="3329" width="2.625" style="74" customWidth="1"/>
    <col min="3330" max="3334" width="2.125" style="74" customWidth="1"/>
    <col min="3335" max="3335" width="2.625" style="74" customWidth="1"/>
    <col min="3336" max="3336" width="10.625" style="74" customWidth="1"/>
    <col min="3337" max="3340" width="21.625" style="74" customWidth="1"/>
    <col min="3341" max="3341" width="22.625" style="74" customWidth="1"/>
    <col min="3342" max="3343" width="21.625" style="74" customWidth="1"/>
    <col min="3344" max="3584" width="8.875" style="74"/>
    <col min="3585" max="3585" width="2.625" style="74" customWidth="1"/>
    <col min="3586" max="3590" width="2.125" style="74" customWidth="1"/>
    <col min="3591" max="3591" width="2.625" style="74" customWidth="1"/>
    <col min="3592" max="3592" width="10.625" style="74" customWidth="1"/>
    <col min="3593" max="3596" width="21.625" style="74" customWidth="1"/>
    <col min="3597" max="3597" width="22.625" style="74" customWidth="1"/>
    <col min="3598" max="3599" width="21.625" style="74" customWidth="1"/>
    <col min="3600" max="3840" width="8.875" style="74"/>
    <col min="3841" max="3841" width="2.625" style="74" customWidth="1"/>
    <col min="3842" max="3846" width="2.125" style="74" customWidth="1"/>
    <col min="3847" max="3847" width="2.625" style="74" customWidth="1"/>
    <col min="3848" max="3848" width="10.625" style="74" customWidth="1"/>
    <col min="3849" max="3852" width="21.625" style="74" customWidth="1"/>
    <col min="3853" max="3853" width="22.625" style="74" customWidth="1"/>
    <col min="3854" max="3855" width="21.625" style="74" customWidth="1"/>
    <col min="3856" max="4096" width="8.875" style="74"/>
    <col min="4097" max="4097" width="2.625" style="74" customWidth="1"/>
    <col min="4098" max="4102" width="2.125" style="74" customWidth="1"/>
    <col min="4103" max="4103" width="2.625" style="74" customWidth="1"/>
    <col min="4104" max="4104" width="10.625" style="74" customWidth="1"/>
    <col min="4105" max="4108" width="21.625" style="74" customWidth="1"/>
    <col min="4109" max="4109" width="22.625" style="74" customWidth="1"/>
    <col min="4110" max="4111" width="21.625" style="74" customWidth="1"/>
    <col min="4112" max="4352" width="8.875" style="74"/>
    <col min="4353" max="4353" width="2.625" style="74" customWidth="1"/>
    <col min="4354" max="4358" width="2.125" style="74" customWidth="1"/>
    <col min="4359" max="4359" width="2.625" style="74" customWidth="1"/>
    <col min="4360" max="4360" width="10.625" style="74" customWidth="1"/>
    <col min="4361" max="4364" width="21.625" style="74" customWidth="1"/>
    <col min="4365" max="4365" width="22.625" style="74" customWidth="1"/>
    <col min="4366" max="4367" width="21.625" style="74" customWidth="1"/>
    <col min="4368" max="4608" width="8.875" style="74"/>
    <col min="4609" max="4609" width="2.625" style="74" customWidth="1"/>
    <col min="4610" max="4614" width="2.125" style="74" customWidth="1"/>
    <col min="4615" max="4615" width="2.625" style="74" customWidth="1"/>
    <col min="4616" max="4616" width="10.625" style="74" customWidth="1"/>
    <col min="4617" max="4620" width="21.625" style="74" customWidth="1"/>
    <col min="4621" max="4621" width="22.625" style="74" customWidth="1"/>
    <col min="4622" max="4623" width="21.625" style="74" customWidth="1"/>
    <col min="4624" max="4864" width="8.875" style="74"/>
    <col min="4865" max="4865" width="2.625" style="74" customWidth="1"/>
    <col min="4866" max="4870" width="2.125" style="74" customWidth="1"/>
    <col min="4871" max="4871" width="2.625" style="74" customWidth="1"/>
    <col min="4872" max="4872" width="10.625" style="74" customWidth="1"/>
    <col min="4873" max="4876" width="21.625" style="74" customWidth="1"/>
    <col min="4877" max="4877" width="22.625" style="74" customWidth="1"/>
    <col min="4878" max="4879" width="21.625" style="74" customWidth="1"/>
    <col min="4880" max="5120" width="8.875" style="74"/>
    <col min="5121" max="5121" width="2.625" style="74" customWidth="1"/>
    <col min="5122" max="5126" width="2.125" style="74" customWidth="1"/>
    <col min="5127" max="5127" width="2.625" style="74" customWidth="1"/>
    <col min="5128" max="5128" width="10.625" style="74" customWidth="1"/>
    <col min="5129" max="5132" width="21.625" style="74" customWidth="1"/>
    <col min="5133" max="5133" width="22.625" style="74" customWidth="1"/>
    <col min="5134" max="5135" width="21.625" style="74" customWidth="1"/>
    <col min="5136" max="5376" width="8.875" style="74"/>
    <col min="5377" max="5377" width="2.625" style="74" customWidth="1"/>
    <col min="5378" max="5382" width="2.125" style="74" customWidth="1"/>
    <col min="5383" max="5383" width="2.625" style="74" customWidth="1"/>
    <col min="5384" max="5384" width="10.625" style="74" customWidth="1"/>
    <col min="5385" max="5388" width="21.625" style="74" customWidth="1"/>
    <col min="5389" max="5389" width="22.625" style="74" customWidth="1"/>
    <col min="5390" max="5391" width="21.625" style="74" customWidth="1"/>
    <col min="5392" max="5632" width="8.875" style="74"/>
    <col min="5633" max="5633" width="2.625" style="74" customWidth="1"/>
    <col min="5634" max="5638" width="2.125" style="74" customWidth="1"/>
    <col min="5639" max="5639" width="2.625" style="74" customWidth="1"/>
    <col min="5640" max="5640" width="10.625" style="74" customWidth="1"/>
    <col min="5641" max="5644" width="21.625" style="74" customWidth="1"/>
    <col min="5645" max="5645" width="22.625" style="74" customWidth="1"/>
    <col min="5646" max="5647" width="21.625" style="74" customWidth="1"/>
    <col min="5648" max="5888" width="8.875" style="74"/>
    <col min="5889" max="5889" width="2.625" style="74" customWidth="1"/>
    <col min="5890" max="5894" width="2.125" style="74" customWidth="1"/>
    <col min="5895" max="5895" width="2.625" style="74" customWidth="1"/>
    <col min="5896" max="5896" width="10.625" style="74" customWidth="1"/>
    <col min="5897" max="5900" width="21.625" style="74" customWidth="1"/>
    <col min="5901" max="5901" width="22.625" style="74" customWidth="1"/>
    <col min="5902" max="5903" width="21.625" style="74" customWidth="1"/>
    <col min="5904" max="6144" width="8.875" style="74"/>
    <col min="6145" max="6145" width="2.625" style="74" customWidth="1"/>
    <col min="6146" max="6150" width="2.125" style="74" customWidth="1"/>
    <col min="6151" max="6151" width="2.625" style="74" customWidth="1"/>
    <col min="6152" max="6152" width="10.625" style="74" customWidth="1"/>
    <col min="6153" max="6156" width="21.625" style="74" customWidth="1"/>
    <col min="6157" max="6157" width="22.625" style="74" customWidth="1"/>
    <col min="6158" max="6159" width="21.625" style="74" customWidth="1"/>
    <col min="6160" max="6400" width="8.875" style="74"/>
    <col min="6401" max="6401" width="2.625" style="74" customWidth="1"/>
    <col min="6402" max="6406" width="2.125" style="74" customWidth="1"/>
    <col min="6407" max="6407" width="2.625" style="74" customWidth="1"/>
    <col min="6408" max="6408" width="10.625" style="74" customWidth="1"/>
    <col min="6409" max="6412" width="21.625" style="74" customWidth="1"/>
    <col min="6413" max="6413" width="22.625" style="74" customWidth="1"/>
    <col min="6414" max="6415" width="21.625" style="74" customWidth="1"/>
    <col min="6416" max="6656" width="8.875" style="74"/>
    <col min="6657" max="6657" width="2.625" style="74" customWidth="1"/>
    <col min="6658" max="6662" width="2.125" style="74" customWidth="1"/>
    <col min="6663" max="6663" width="2.625" style="74" customWidth="1"/>
    <col min="6664" max="6664" width="10.625" style="74" customWidth="1"/>
    <col min="6665" max="6668" width="21.625" style="74" customWidth="1"/>
    <col min="6669" max="6669" width="22.625" style="74" customWidth="1"/>
    <col min="6670" max="6671" width="21.625" style="74" customWidth="1"/>
    <col min="6672" max="6912" width="8.875" style="74"/>
    <col min="6913" max="6913" width="2.625" style="74" customWidth="1"/>
    <col min="6914" max="6918" width="2.125" style="74" customWidth="1"/>
    <col min="6919" max="6919" width="2.625" style="74" customWidth="1"/>
    <col min="6920" max="6920" width="10.625" style="74" customWidth="1"/>
    <col min="6921" max="6924" width="21.625" style="74" customWidth="1"/>
    <col min="6925" max="6925" width="22.625" style="74" customWidth="1"/>
    <col min="6926" max="6927" width="21.625" style="74" customWidth="1"/>
    <col min="6928" max="7168" width="8.875" style="74"/>
    <col min="7169" max="7169" width="2.625" style="74" customWidth="1"/>
    <col min="7170" max="7174" width="2.125" style="74" customWidth="1"/>
    <col min="7175" max="7175" width="2.625" style="74" customWidth="1"/>
    <col min="7176" max="7176" width="10.625" style="74" customWidth="1"/>
    <col min="7177" max="7180" width="21.625" style="74" customWidth="1"/>
    <col min="7181" max="7181" width="22.625" style="74" customWidth="1"/>
    <col min="7182" max="7183" width="21.625" style="74" customWidth="1"/>
    <col min="7184" max="7424" width="8.875" style="74"/>
    <col min="7425" max="7425" width="2.625" style="74" customWidth="1"/>
    <col min="7426" max="7430" width="2.125" style="74" customWidth="1"/>
    <col min="7431" max="7431" width="2.625" style="74" customWidth="1"/>
    <col min="7432" max="7432" width="10.625" style="74" customWidth="1"/>
    <col min="7433" max="7436" width="21.625" style="74" customWidth="1"/>
    <col min="7437" max="7437" width="22.625" style="74" customWidth="1"/>
    <col min="7438" max="7439" width="21.625" style="74" customWidth="1"/>
    <col min="7440" max="7680" width="8.875" style="74"/>
    <col min="7681" max="7681" width="2.625" style="74" customWidth="1"/>
    <col min="7682" max="7686" width="2.125" style="74" customWidth="1"/>
    <col min="7687" max="7687" width="2.625" style="74" customWidth="1"/>
    <col min="7688" max="7688" width="10.625" style="74" customWidth="1"/>
    <col min="7689" max="7692" width="21.625" style="74" customWidth="1"/>
    <col min="7693" max="7693" width="22.625" style="74" customWidth="1"/>
    <col min="7694" max="7695" width="21.625" style="74" customWidth="1"/>
    <col min="7696" max="7936" width="8.875" style="74"/>
    <col min="7937" max="7937" width="2.625" style="74" customWidth="1"/>
    <col min="7938" max="7942" width="2.125" style="74" customWidth="1"/>
    <col min="7943" max="7943" width="2.625" style="74" customWidth="1"/>
    <col min="7944" max="7944" width="10.625" style="74" customWidth="1"/>
    <col min="7945" max="7948" width="21.625" style="74" customWidth="1"/>
    <col min="7949" max="7949" width="22.625" style="74" customWidth="1"/>
    <col min="7950" max="7951" width="21.625" style="74" customWidth="1"/>
    <col min="7952" max="8192" width="8.875" style="74"/>
    <col min="8193" max="8193" width="2.625" style="74" customWidth="1"/>
    <col min="8194" max="8198" width="2.125" style="74" customWidth="1"/>
    <col min="8199" max="8199" width="2.625" style="74" customWidth="1"/>
    <col min="8200" max="8200" width="10.625" style="74" customWidth="1"/>
    <col min="8201" max="8204" width="21.625" style="74" customWidth="1"/>
    <col min="8205" max="8205" width="22.625" style="74" customWidth="1"/>
    <col min="8206" max="8207" width="21.625" style="74" customWidth="1"/>
    <col min="8208" max="8448" width="8.875" style="74"/>
    <col min="8449" max="8449" width="2.625" style="74" customWidth="1"/>
    <col min="8450" max="8454" width="2.125" style="74" customWidth="1"/>
    <col min="8455" max="8455" width="2.625" style="74" customWidth="1"/>
    <col min="8456" max="8456" width="10.625" style="74" customWidth="1"/>
    <col min="8457" max="8460" width="21.625" style="74" customWidth="1"/>
    <col min="8461" max="8461" width="22.625" style="74" customWidth="1"/>
    <col min="8462" max="8463" width="21.625" style="74" customWidth="1"/>
    <col min="8464" max="8704" width="8.875" style="74"/>
    <col min="8705" max="8705" width="2.625" style="74" customWidth="1"/>
    <col min="8706" max="8710" width="2.125" style="74" customWidth="1"/>
    <col min="8711" max="8711" width="2.625" style="74" customWidth="1"/>
    <col min="8712" max="8712" width="10.625" style="74" customWidth="1"/>
    <col min="8713" max="8716" width="21.625" style="74" customWidth="1"/>
    <col min="8717" max="8717" width="22.625" style="74" customWidth="1"/>
    <col min="8718" max="8719" width="21.625" style="74" customWidth="1"/>
    <col min="8720" max="8960" width="8.875" style="74"/>
    <col min="8961" max="8961" width="2.625" style="74" customWidth="1"/>
    <col min="8962" max="8966" width="2.125" style="74" customWidth="1"/>
    <col min="8967" max="8967" width="2.625" style="74" customWidth="1"/>
    <col min="8968" max="8968" width="10.625" style="74" customWidth="1"/>
    <col min="8969" max="8972" width="21.625" style="74" customWidth="1"/>
    <col min="8973" max="8973" width="22.625" style="74" customWidth="1"/>
    <col min="8974" max="8975" width="21.625" style="74" customWidth="1"/>
    <col min="8976" max="9216" width="8.875" style="74"/>
    <col min="9217" max="9217" width="2.625" style="74" customWidth="1"/>
    <col min="9218" max="9222" width="2.125" style="74" customWidth="1"/>
    <col min="9223" max="9223" width="2.625" style="74" customWidth="1"/>
    <col min="9224" max="9224" width="10.625" style="74" customWidth="1"/>
    <col min="9225" max="9228" width="21.625" style="74" customWidth="1"/>
    <col min="9229" max="9229" width="22.625" style="74" customWidth="1"/>
    <col min="9230" max="9231" width="21.625" style="74" customWidth="1"/>
    <col min="9232" max="9472" width="8.875" style="74"/>
    <col min="9473" max="9473" width="2.625" style="74" customWidth="1"/>
    <col min="9474" max="9478" width="2.125" style="74" customWidth="1"/>
    <col min="9479" max="9479" width="2.625" style="74" customWidth="1"/>
    <col min="9480" max="9480" width="10.625" style="74" customWidth="1"/>
    <col min="9481" max="9484" width="21.625" style="74" customWidth="1"/>
    <col min="9485" max="9485" width="22.625" style="74" customWidth="1"/>
    <col min="9486" max="9487" width="21.625" style="74" customWidth="1"/>
    <col min="9488" max="9728" width="8.875" style="74"/>
    <col min="9729" max="9729" width="2.625" style="74" customWidth="1"/>
    <col min="9730" max="9734" width="2.125" style="74" customWidth="1"/>
    <col min="9735" max="9735" width="2.625" style="74" customWidth="1"/>
    <col min="9736" max="9736" width="10.625" style="74" customWidth="1"/>
    <col min="9737" max="9740" width="21.625" style="74" customWidth="1"/>
    <col min="9741" max="9741" width="22.625" style="74" customWidth="1"/>
    <col min="9742" max="9743" width="21.625" style="74" customWidth="1"/>
    <col min="9744" max="9984" width="8.875" style="74"/>
    <col min="9985" max="9985" width="2.625" style="74" customWidth="1"/>
    <col min="9986" max="9990" width="2.125" style="74" customWidth="1"/>
    <col min="9991" max="9991" width="2.625" style="74" customWidth="1"/>
    <col min="9992" max="9992" width="10.625" style="74" customWidth="1"/>
    <col min="9993" max="9996" width="21.625" style="74" customWidth="1"/>
    <col min="9997" max="9997" width="22.625" style="74" customWidth="1"/>
    <col min="9998" max="9999" width="21.625" style="74" customWidth="1"/>
    <col min="10000" max="10240" width="8.875" style="74"/>
    <col min="10241" max="10241" width="2.625" style="74" customWidth="1"/>
    <col min="10242" max="10246" width="2.125" style="74" customWidth="1"/>
    <col min="10247" max="10247" width="2.625" style="74" customWidth="1"/>
    <col min="10248" max="10248" width="10.625" style="74" customWidth="1"/>
    <col min="10249" max="10252" width="21.625" style="74" customWidth="1"/>
    <col min="10253" max="10253" width="22.625" style="74" customWidth="1"/>
    <col min="10254" max="10255" width="21.625" style="74" customWidth="1"/>
    <col min="10256" max="10496" width="8.875" style="74"/>
    <col min="10497" max="10497" width="2.625" style="74" customWidth="1"/>
    <col min="10498" max="10502" width="2.125" style="74" customWidth="1"/>
    <col min="10503" max="10503" width="2.625" style="74" customWidth="1"/>
    <col min="10504" max="10504" width="10.625" style="74" customWidth="1"/>
    <col min="10505" max="10508" width="21.625" style="74" customWidth="1"/>
    <col min="10509" max="10509" width="22.625" style="74" customWidth="1"/>
    <col min="10510" max="10511" width="21.625" style="74" customWidth="1"/>
    <col min="10512" max="10752" width="8.875" style="74"/>
    <col min="10753" max="10753" width="2.625" style="74" customWidth="1"/>
    <col min="10754" max="10758" width="2.125" style="74" customWidth="1"/>
    <col min="10759" max="10759" width="2.625" style="74" customWidth="1"/>
    <col min="10760" max="10760" width="10.625" style="74" customWidth="1"/>
    <col min="10761" max="10764" width="21.625" style="74" customWidth="1"/>
    <col min="10765" max="10765" width="22.625" style="74" customWidth="1"/>
    <col min="10766" max="10767" width="21.625" style="74" customWidth="1"/>
    <col min="10768" max="11008" width="8.875" style="74"/>
    <col min="11009" max="11009" width="2.625" style="74" customWidth="1"/>
    <col min="11010" max="11014" width="2.125" style="74" customWidth="1"/>
    <col min="11015" max="11015" width="2.625" style="74" customWidth="1"/>
    <col min="11016" max="11016" width="10.625" style="74" customWidth="1"/>
    <col min="11017" max="11020" width="21.625" style="74" customWidth="1"/>
    <col min="11021" max="11021" width="22.625" style="74" customWidth="1"/>
    <col min="11022" max="11023" width="21.625" style="74" customWidth="1"/>
    <col min="11024" max="11264" width="8.875" style="74"/>
    <col min="11265" max="11265" width="2.625" style="74" customWidth="1"/>
    <col min="11266" max="11270" width="2.125" style="74" customWidth="1"/>
    <col min="11271" max="11271" width="2.625" style="74" customWidth="1"/>
    <col min="11272" max="11272" width="10.625" style="74" customWidth="1"/>
    <col min="11273" max="11276" width="21.625" style="74" customWidth="1"/>
    <col min="11277" max="11277" width="22.625" style="74" customWidth="1"/>
    <col min="11278" max="11279" width="21.625" style="74" customWidth="1"/>
    <col min="11280" max="11520" width="8.875" style="74"/>
    <col min="11521" max="11521" width="2.625" style="74" customWidth="1"/>
    <col min="11522" max="11526" width="2.125" style="74" customWidth="1"/>
    <col min="11527" max="11527" width="2.625" style="74" customWidth="1"/>
    <col min="11528" max="11528" width="10.625" style="74" customWidth="1"/>
    <col min="11529" max="11532" width="21.625" style="74" customWidth="1"/>
    <col min="11533" max="11533" width="22.625" style="74" customWidth="1"/>
    <col min="11534" max="11535" width="21.625" style="74" customWidth="1"/>
    <col min="11536" max="11776" width="8.875" style="74"/>
    <col min="11777" max="11777" width="2.625" style="74" customWidth="1"/>
    <col min="11778" max="11782" width="2.125" style="74" customWidth="1"/>
    <col min="11783" max="11783" width="2.625" style="74" customWidth="1"/>
    <col min="11784" max="11784" width="10.625" style="74" customWidth="1"/>
    <col min="11785" max="11788" width="21.625" style="74" customWidth="1"/>
    <col min="11789" max="11789" width="22.625" style="74" customWidth="1"/>
    <col min="11790" max="11791" width="21.625" style="74" customWidth="1"/>
    <col min="11792" max="12032" width="8.875" style="74"/>
    <col min="12033" max="12033" width="2.625" style="74" customWidth="1"/>
    <col min="12034" max="12038" width="2.125" style="74" customWidth="1"/>
    <col min="12039" max="12039" width="2.625" style="74" customWidth="1"/>
    <col min="12040" max="12040" width="10.625" style="74" customWidth="1"/>
    <col min="12041" max="12044" width="21.625" style="74" customWidth="1"/>
    <col min="12045" max="12045" width="22.625" style="74" customWidth="1"/>
    <col min="12046" max="12047" width="21.625" style="74" customWidth="1"/>
    <col min="12048" max="12288" width="8.875" style="74"/>
    <col min="12289" max="12289" width="2.625" style="74" customWidth="1"/>
    <col min="12290" max="12294" width="2.125" style="74" customWidth="1"/>
    <col min="12295" max="12295" width="2.625" style="74" customWidth="1"/>
    <col min="12296" max="12296" width="10.625" style="74" customWidth="1"/>
    <col min="12297" max="12300" width="21.625" style="74" customWidth="1"/>
    <col min="12301" max="12301" width="22.625" style="74" customWidth="1"/>
    <col min="12302" max="12303" width="21.625" style="74" customWidth="1"/>
    <col min="12304" max="12544" width="8.875" style="74"/>
    <col min="12545" max="12545" width="2.625" style="74" customWidth="1"/>
    <col min="12546" max="12550" width="2.125" style="74" customWidth="1"/>
    <col min="12551" max="12551" width="2.625" style="74" customWidth="1"/>
    <col min="12552" max="12552" width="10.625" style="74" customWidth="1"/>
    <col min="12553" max="12556" width="21.625" style="74" customWidth="1"/>
    <col min="12557" max="12557" width="22.625" style="74" customWidth="1"/>
    <col min="12558" max="12559" width="21.625" style="74" customWidth="1"/>
    <col min="12560" max="12800" width="8.875" style="74"/>
    <col min="12801" max="12801" width="2.625" style="74" customWidth="1"/>
    <col min="12802" max="12806" width="2.125" style="74" customWidth="1"/>
    <col min="12807" max="12807" width="2.625" style="74" customWidth="1"/>
    <col min="12808" max="12808" width="10.625" style="74" customWidth="1"/>
    <col min="12809" max="12812" width="21.625" style="74" customWidth="1"/>
    <col min="12813" max="12813" width="22.625" style="74" customWidth="1"/>
    <col min="12814" max="12815" width="21.625" style="74" customWidth="1"/>
    <col min="12816" max="13056" width="8.875" style="74"/>
    <col min="13057" max="13057" width="2.625" style="74" customWidth="1"/>
    <col min="13058" max="13062" width="2.125" style="74" customWidth="1"/>
    <col min="13063" max="13063" width="2.625" style="74" customWidth="1"/>
    <col min="13064" max="13064" width="10.625" style="74" customWidth="1"/>
    <col min="13065" max="13068" width="21.625" style="74" customWidth="1"/>
    <col min="13069" max="13069" width="22.625" style="74" customWidth="1"/>
    <col min="13070" max="13071" width="21.625" style="74" customWidth="1"/>
    <col min="13072" max="13312" width="8.875" style="74"/>
    <col min="13313" max="13313" width="2.625" style="74" customWidth="1"/>
    <col min="13314" max="13318" width="2.125" style="74" customWidth="1"/>
    <col min="13319" max="13319" width="2.625" style="74" customWidth="1"/>
    <col min="13320" max="13320" width="10.625" style="74" customWidth="1"/>
    <col min="13321" max="13324" width="21.625" style="74" customWidth="1"/>
    <col min="13325" max="13325" width="22.625" style="74" customWidth="1"/>
    <col min="13326" max="13327" width="21.625" style="74" customWidth="1"/>
    <col min="13328" max="13568" width="8.875" style="74"/>
    <col min="13569" max="13569" width="2.625" style="74" customWidth="1"/>
    <col min="13570" max="13574" width="2.125" style="74" customWidth="1"/>
    <col min="13575" max="13575" width="2.625" style="74" customWidth="1"/>
    <col min="13576" max="13576" width="10.625" style="74" customWidth="1"/>
    <col min="13577" max="13580" width="21.625" style="74" customWidth="1"/>
    <col min="13581" max="13581" width="22.625" style="74" customWidth="1"/>
    <col min="13582" max="13583" width="21.625" style="74" customWidth="1"/>
    <col min="13584" max="13824" width="8.875" style="74"/>
    <col min="13825" max="13825" width="2.625" style="74" customWidth="1"/>
    <col min="13826" max="13830" width="2.125" style="74" customWidth="1"/>
    <col min="13831" max="13831" width="2.625" style="74" customWidth="1"/>
    <col min="13832" max="13832" width="10.625" style="74" customWidth="1"/>
    <col min="13833" max="13836" width="21.625" style="74" customWidth="1"/>
    <col min="13837" max="13837" width="22.625" style="74" customWidth="1"/>
    <col min="13838" max="13839" width="21.625" style="74" customWidth="1"/>
    <col min="13840" max="14080" width="8.875" style="74"/>
    <col min="14081" max="14081" width="2.625" style="74" customWidth="1"/>
    <col min="14082" max="14086" width="2.125" style="74" customWidth="1"/>
    <col min="14087" max="14087" width="2.625" style="74" customWidth="1"/>
    <col min="14088" max="14088" width="10.625" style="74" customWidth="1"/>
    <col min="14089" max="14092" width="21.625" style="74" customWidth="1"/>
    <col min="14093" max="14093" width="22.625" style="74" customWidth="1"/>
    <col min="14094" max="14095" width="21.625" style="74" customWidth="1"/>
    <col min="14096" max="14336" width="8.875" style="74"/>
    <col min="14337" max="14337" width="2.625" style="74" customWidth="1"/>
    <col min="14338" max="14342" width="2.125" style="74" customWidth="1"/>
    <col min="14343" max="14343" width="2.625" style="74" customWidth="1"/>
    <col min="14344" max="14344" width="10.625" style="74" customWidth="1"/>
    <col min="14345" max="14348" width="21.625" style="74" customWidth="1"/>
    <col min="14349" max="14349" width="22.625" style="74" customWidth="1"/>
    <col min="14350" max="14351" width="21.625" style="74" customWidth="1"/>
    <col min="14352" max="14592" width="8.875" style="74"/>
    <col min="14593" max="14593" width="2.625" style="74" customWidth="1"/>
    <col min="14594" max="14598" width="2.125" style="74" customWidth="1"/>
    <col min="14599" max="14599" width="2.625" style="74" customWidth="1"/>
    <col min="14600" max="14600" width="10.625" style="74" customWidth="1"/>
    <col min="14601" max="14604" width="21.625" style="74" customWidth="1"/>
    <col min="14605" max="14605" width="22.625" style="74" customWidth="1"/>
    <col min="14606" max="14607" width="21.625" style="74" customWidth="1"/>
    <col min="14608" max="14848" width="8.875" style="74"/>
    <col min="14849" max="14849" width="2.625" style="74" customWidth="1"/>
    <col min="14850" max="14854" width="2.125" style="74" customWidth="1"/>
    <col min="14855" max="14855" width="2.625" style="74" customWidth="1"/>
    <col min="14856" max="14856" width="10.625" style="74" customWidth="1"/>
    <col min="14857" max="14860" width="21.625" style="74" customWidth="1"/>
    <col min="14861" max="14861" width="22.625" style="74" customWidth="1"/>
    <col min="14862" max="14863" width="21.625" style="74" customWidth="1"/>
    <col min="14864" max="15104" width="8.875" style="74"/>
    <col min="15105" max="15105" width="2.625" style="74" customWidth="1"/>
    <col min="15106" max="15110" width="2.125" style="74" customWidth="1"/>
    <col min="15111" max="15111" width="2.625" style="74" customWidth="1"/>
    <col min="15112" max="15112" width="10.625" style="74" customWidth="1"/>
    <col min="15113" max="15116" width="21.625" style="74" customWidth="1"/>
    <col min="15117" max="15117" width="22.625" style="74" customWidth="1"/>
    <col min="15118" max="15119" width="21.625" style="74" customWidth="1"/>
    <col min="15120" max="15360" width="8.875" style="74"/>
    <col min="15361" max="15361" width="2.625" style="74" customWidth="1"/>
    <col min="15362" max="15366" width="2.125" style="74" customWidth="1"/>
    <col min="15367" max="15367" width="2.625" style="74" customWidth="1"/>
    <col min="15368" max="15368" width="10.625" style="74" customWidth="1"/>
    <col min="15369" max="15372" width="21.625" style="74" customWidth="1"/>
    <col min="15373" max="15373" width="22.625" style="74" customWidth="1"/>
    <col min="15374" max="15375" width="21.625" style="74" customWidth="1"/>
    <col min="15376" max="15616" width="8.875" style="74"/>
    <col min="15617" max="15617" width="2.625" style="74" customWidth="1"/>
    <col min="15618" max="15622" width="2.125" style="74" customWidth="1"/>
    <col min="15623" max="15623" width="2.625" style="74" customWidth="1"/>
    <col min="15624" max="15624" width="10.625" style="74" customWidth="1"/>
    <col min="15625" max="15628" width="21.625" style="74" customWidth="1"/>
    <col min="15629" max="15629" width="22.625" style="74" customWidth="1"/>
    <col min="15630" max="15631" width="21.625" style="74" customWidth="1"/>
    <col min="15632" max="15872" width="8.875" style="74"/>
    <col min="15873" max="15873" width="2.625" style="74" customWidth="1"/>
    <col min="15874" max="15878" width="2.125" style="74" customWidth="1"/>
    <col min="15879" max="15879" width="2.625" style="74" customWidth="1"/>
    <col min="15880" max="15880" width="10.625" style="74" customWidth="1"/>
    <col min="15881" max="15884" width="21.625" style="74" customWidth="1"/>
    <col min="15885" max="15885" width="22.625" style="74" customWidth="1"/>
    <col min="15886" max="15887" width="21.625" style="74" customWidth="1"/>
    <col min="15888" max="16128" width="8.875" style="74"/>
    <col min="16129" max="16129" width="2.625" style="74" customWidth="1"/>
    <col min="16130" max="16134" width="2.125" style="74" customWidth="1"/>
    <col min="16135" max="16135" width="2.625" style="74" customWidth="1"/>
    <col min="16136" max="16136" width="10.625" style="74" customWidth="1"/>
    <col min="16137" max="16140" width="21.625" style="74" customWidth="1"/>
    <col min="16141" max="16141" width="22.625" style="74" customWidth="1"/>
    <col min="16142" max="16143" width="21.625" style="74" customWidth="1"/>
    <col min="16144" max="16384" width="8.875" style="74"/>
  </cols>
  <sheetData>
    <row r="1" spans="1:16" s="102" customFormat="1" ht="22.5" customHeight="1" x14ac:dyDescent="0.15">
      <c r="A1" s="275" t="s">
        <v>397</v>
      </c>
      <c r="B1" s="275"/>
      <c r="C1" s="275"/>
      <c r="D1" s="275"/>
      <c r="E1" s="275"/>
      <c r="F1" s="275"/>
      <c r="G1" s="275"/>
      <c r="H1" s="275"/>
      <c r="I1" s="275"/>
      <c r="J1" s="275"/>
      <c r="K1" s="275"/>
    </row>
    <row r="2" spans="1:16" s="1" customFormat="1" ht="22.5" customHeight="1" x14ac:dyDescent="0.15">
      <c r="B2" s="103"/>
    </row>
    <row r="3" spans="1:16" s="1" customFormat="1" ht="22.5" customHeight="1" x14ac:dyDescent="0.15">
      <c r="B3" s="103"/>
    </row>
    <row r="4" spans="1:16" s="1" customFormat="1" ht="22.5" customHeight="1" x14ac:dyDescent="0.15">
      <c r="B4" s="103"/>
    </row>
    <row r="5" spans="1:16" s="148" customFormat="1" ht="28.5" customHeight="1" x14ac:dyDescent="0.15">
      <c r="A5" s="293" t="s">
        <v>399</v>
      </c>
      <c r="B5" s="293"/>
      <c r="C5" s="293"/>
      <c r="D5" s="293"/>
      <c r="E5" s="293"/>
      <c r="F5" s="293"/>
      <c r="G5" s="293"/>
      <c r="H5" s="293"/>
      <c r="I5" s="293"/>
      <c r="J5" s="293"/>
      <c r="K5" s="293"/>
      <c r="L5" s="294" t="s">
        <v>400</v>
      </c>
      <c r="M5" s="294"/>
      <c r="N5" s="294"/>
      <c r="O5" s="294"/>
      <c r="P5" s="294"/>
    </row>
    <row r="12" spans="1:16" ht="18.75" customHeight="1" x14ac:dyDescent="0.15">
      <c r="B12" s="291" t="s">
        <v>279</v>
      </c>
      <c r="C12" s="291"/>
      <c r="D12" s="291"/>
      <c r="E12" s="291"/>
      <c r="F12" s="291"/>
      <c r="G12" s="291"/>
      <c r="H12" s="291"/>
      <c r="I12" s="291"/>
      <c r="J12" s="291"/>
      <c r="K12" s="291"/>
      <c r="L12" s="292" t="s">
        <v>282</v>
      </c>
      <c r="M12" s="292"/>
      <c r="N12" s="292"/>
      <c r="O12" s="292"/>
    </row>
    <row r="13" spans="1:16" ht="23.25" customHeight="1" x14ac:dyDescent="0.15">
      <c r="B13" s="291"/>
      <c r="C13" s="291"/>
      <c r="D13" s="291"/>
      <c r="E13" s="291"/>
      <c r="F13" s="291"/>
      <c r="G13" s="291"/>
      <c r="H13" s="291"/>
      <c r="I13" s="291"/>
      <c r="J13" s="291"/>
      <c r="K13" s="291"/>
      <c r="L13" s="292"/>
      <c r="M13" s="292"/>
      <c r="N13" s="292"/>
      <c r="O13" s="292"/>
    </row>
    <row r="14" spans="1:16" ht="21.95" customHeight="1" x14ac:dyDescent="0.15">
      <c r="B14" s="230"/>
      <c r="C14" s="230"/>
      <c r="D14" s="230"/>
      <c r="E14" s="230"/>
      <c r="F14" s="230"/>
      <c r="G14" s="230"/>
      <c r="H14" s="230"/>
      <c r="I14" s="230"/>
      <c r="J14" s="230"/>
      <c r="K14" s="230"/>
      <c r="L14" s="231"/>
      <c r="M14" s="231"/>
      <c r="N14" s="231"/>
      <c r="O14" s="231"/>
    </row>
    <row r="15" spans="1:16" x14ac:dyDescent="0.15">
      <c r="O15" s="75" t="s">
        <v>202</v>
      </c>
    </row>
    <row r="16" spans="1:16" ht="21.75" customHeight="1" x14ac:dyDescent="0.15">
      <c r="B16" s="295" t="s">
        <v>203</v>
      </c>
      <c r="C16" s="296"/>
      <c r="D16" s="296"/>
      <c r="E16" s="296"/>
      <c r="F16" s="296"/>
      <c r="G16" s="296"/>
      <c r="H16" s="297"/>
      <c r="I16" s="76" t="s">
        <v>204</v>
      </c>
      <c r="J16" s="77" t="s">
        <v>205</v>
      </c>
      <c r="K16" s="77" t="s">
        <v>206</v>
      </c>
      <c r="L16" s="78" t="s">
        <v>207</v>
      </c>
      <c r="M16" s="78" t="s">
        <v>208</v>
      </c>
      <c r="N16" s="78" t="s">
        <v>209</v>
      </c>
      <c r="O16" s="78" t="s">
        <v>210</v>
      </c>
    </row>
    <row r="17" spans="2:15" ht="21.75" customHeight="1" x14ac:dyDescent="0.15">
      <c r="B17" s="298"/>
      <c r="C17" s="299"/>
      <c r="D17" s="299"/>
      <c r="E17" s="299"/>
      <c r="F17" s="299"/>
      <c r="G17" s="299"/>
      <c r="H17" s="300"/>
      <c r="I17" s="79" t="s">
        <v>211</v>
      </c>
      <c r="J17" s="80" t="s">
        <v>212</v>
      </c>
      <c r="K17" s="80" t="s">
        <v>213</v>
      </c>
      <c r="L17" s="79" t="s">
        <v>214</v>
      </c>
      <c r="M17" s="79" t="s">
        <v>215</v>
      </c>
      <c r="N17" s="79" t="s">
        <v>216</v>
      </c>
      <c r="O17" s="79" t="s">
        <v>217</v>
      </c>
    </row>
    <row r="18" spans="2:15" ht="21.75" customHeight="1" x14ac:dyDescent="0.15">
      <c r="B18" s="81" t="s">
        <v>15</v>
      </c>
      <c r="C18" s="82"/>
      <c r="D18" s="82"/>
      <c r="E18" s="82"/>
      <c r="F18" s="82"/>
      <c r="G18" s="82"/>
      <c r="H18" s="83"/>
      <c r="I18" s="84">
        <v>7745764404008</v>
      </c>
      <c r="J18" s="85">
        <v>62133478159</v>
      </c>
      <c r="K18" s="85">
        <v>78679942923</v>
      </c>
      <c r="L18" s="84">
        <v>7729217939244</v>
      </c>
      <c r="M18" s="84">
        <v>1442063683449</v>
      </c>
      <c r="N18" s="84">
        <v>54084640948</v>
      </c>
      <c r="O18" s="84">
        <v>6287154255795</v>
      </c>
    </row>
    <row r="19" spans="2:15" ht="21.95" customHeight="1" x14ac:dyDescent="0.15">
      <c r="B19" s="81"/>
      <c r="C19" s="82" t="s">
        <v>16</v>
      </c>
      <c r="D19" s="82"/>
      <c r="E19" s="82"/>
      <c r="F19" s="82"/>
      <c r="G19" s="82"/>
      <c r="H19" s="83"/>
      <c r="I19" s="84">
        <v>7745617894561</v>
      </c>
      <c r="J19" s="85">
        <v>62133396759</v>
      </c>
      <c r="K19" s="85">
        <v>78679942923</v>
      </c>
      <c r="L19" s="84">
        <v>7729071348397</v>
      </c>
      <c r="M19" s="84">
        <v>1442061918621</v>
      </c>
      <c r="N19" s="84">
        <v>54084445609</v>
      </c>
      <c r="O19" s="84">
        <v>6287009429776</v>
      </c>
    </row>
    <row r="20" spans="2:15" ht="21.95" customHeight="1" x14ac:dyDescent="0.15">
      <c r="B20" s="81"/>
      <c r="C20" s="82"/>
      <c r="D20" s="82" t="s">
        <v>17</v>
      </c>
      <c r="E20" s="82"/>
      <c r="F20" s="82"/>
      <c r="G20" s="82"/>
      <c r="H20" s="83"/>
      <c r="I20" s="84">
        <v>5225731016709</v>
      </c>
      <c r="J20" s="85">
        <v>21091786181</v>
      </c>
      <c r="K20" s="85">
        <v>29236081143</v>
      </c>
      <c r="L20" s="84">
        <v>5217586721747</v>
      </c>
      <c r="M20" s="84">
        <v>0</v>
      </c>
      <c r="N20" s="84">
        <v>0</v>
      </c>
      <c r="O20" s="84">
        <v>5217586721747</v>
      </c>
    </row>
    <row r="21" spans="2:15" ht="21.95" customHeight="1" x14ac:dyDescent="0.15">
      <c r="B21" s="81"/>
      <c r="C21" s="82"/>
      <c r="D21" s="82" t="s">
        <v>18</v>
      </c>
      <c r="E21" s="82"/>
      <c r="F21" s="82"/>
      <c r="G21" s="82"/>
      <c r="H21" s="83"/>
      <c r="I21" s="84">
        <v>2366307106914</v>
      </c>
      <c r="J21" s="85">
        <v>38425288532</v>
      </c>
      <c r="K21" s="85">
        <v>48964832031</v>
      </c>
      <c r="L21" s="84">
        <v>2355767563415</v>
      </c>
      <c r="M21" s="84">
        <v>1312417787618</v>
      </c>
      <c r="N21" s="84">
        <v>50959944031</v>
      </c>
      <c r="O21" s="84">
        <v>1043349775797</v>
      </c>
    </row>
    <row r="22" spans="2:15" ht="21.75" customHeight="1" x14ac:dyDescent="0.15">
      <c r="B22" s="81"/>
      <c r="C22" s="82"/>
      <c r="D22" s="82" t="s">
        <v>19</v>
      </c>
      <c r="E22" s="82"/>
      <c r="F22" s="82"/>
      <c r="G22" s="82"/>
      <c r="H22" s="83"/>
      <c r="I22" s="84">
        <v>149157398450</v>
      </c>
      <c r="J22" s="85">
        <v>2616322046</v>
      </c>
      <c r="K22" s="85">
        <v>479029749</v>
      </c>
      <c r="L22" s="84">
        <v>151294690747</v>
      </c>
      <c r="M22" s="84">
        <v>125224470806</v>
      </c>
      <c r="N22" s="84">
        <v>3117353916</v>
      </c>
      <c r="O22" s="84">
        <v>26070219941</v>
      </c>
    </row>
    <row r="23" spans="2:15" ht="21.95" customHeight="1" x14ac:dyDescent="0.15">
      <c r="B23" s="81"/>
      <c r="C23" s="82"/>
      <c r="D23" s="82" t="s">
        <v>20</v>
      </c>
      <c r="E23" s="82"/>
      <c r="F23" s="82"/>
      <c r="G23" s="82"/>
      <c r="H23" s="83"/>
      <c r="I23" s="84">
        <v>0</v>
      </c>
      <c r="J23" s="85">
        <v>0</v>
      </c>
      <c r="K23" s="85">
        <v>0</v>
      </c>
      <c r="L23" s="84">
        <v>0</v>
      </c>
      <c r="M23" s="84">
        <v>0</v>
      </c>
      <c r="N23" s="84">
        <v>0</v>
      </c>
      <c r="O23" s="84">
        <v>0</v>
      </c>
    </row>
    <row r="24" spans="2:15" ht="21.95" customHeight="1" x14ac:dyDescent="0.15">
      <c r="B24" s="81"/>
      <c r="C24" s="82"/>
      <c r="D24" s="82" t="s">
        <v>21</v>
      </c>
      <c r="E24" s="82"/>
      <c r="F24" s="82"/>
      <c r="G24" s="82"/>
      <c r="H24" s="83"/>
      <c r="I24" s="84">
        <v>1823383963</v>
      </c>
      <c r="J24" s="85">
        <v>0</v>
      </c>
      <c r="K24" s="85">
        <v>0</v>
      </c>
      <c r="L24" s="84">
        <v>1823383963</v>
      </c>
      <c r="M24" s="84">
        <v>1823383957</v>
      </c>
      <c r="N24" s="84">
        <v>0</v>
      </c>
      <c r="O24" s="84">
        <v>6</v>
      </c>
    </row>
    <row r="25" spans="2:15" ht="21.95" customHeight="1" x14ac:dyDescent="0.15">
      <c r="B25" s="81"/>
      <c r="C25" s="82"/>
      <c r="D25" s="82" t="s">
        <v>22</v>
      </c>
      <c r="E25" s="82"/>
      <c r="F25" s="82"/>
      <c r="G25" s="82"/>
      <c r="H25" s="83"/>
      <c r="I25" s="84">
        <v>626318525</v>
      </c>
      <c r="J25" s="85">
        <v>0</v>
      </c>
      <c r="K25" s="85">
        <v>0</v>
      </c>
      <c r="L25" s="84">
        <v>626318525</v>
      </c>
      <c r="M25" s="84">
        <v>623606242</v>
      </c>
      <c r="N25" s="84">
        <v>7147662</v>
      </c>
      <c r="O25" s="84">
        <v>2712283</v>
      </c>
    </row>
    <row r="26" spans="2:15" ht="21.95" customHeight="1" x14ac:dyDescent="0.15">
      <c r="B26" s="81"/>
      <c r="C26" s="82"/>
      <c r="D26" s="82" t="s">
        <v>23</v>
      </c>
      <c r="E26" s="82"/>
      <c r="F26" s="82"/>
      <c r="G26" s="82"/>
      <c r="H26" s="83"/>
      <c r="I26" s="84">
        <v>1972670000</v>
      </c>
      <c r="J26" s="85">
        <v>0</v>
      </c>
      <c r="K26" s="85">
        <v>0</v>
      </c>
      <c r="L26" s="84">
        <v>1972670000</v>
      </c>
      <c r="M26" s="84">
        <v>1972669998</v>
      </c>
      <c r="N26" s="84">
        <v>0</v>
      </c>
      <c r="O26" s="84">
        <v>2</v>
      </c>
    </row>
    <row r="27" spans="2:15" ht="21.95" customHeight="1" x14ac:dyDescent="0.15">
      <c r="B27" s="86"/>
      <c r="C27" s="87" t="s">
        <v>24</v>
      </c>
      <c r="D27" s="87"/>
      <c r="E27" s="87"/>
      <c r="F27" s="87"/>
      <c r="G27" s="87"/>
      <c r="H27" s="88"/>
      <c r="I27" s="84">
        <v>146509447</v>
      </c>
      <c r="J27" s="85">
        <v>81400</v>
      </c>
      <c r="K27" s="85">
        <v>0</v>
      </c>
      <c r="L27" s="84">
        <v>146590847</v>
      </c>
      <c r="M27" s="84">
        <v>1764828</v>
      </c>
      <c r="N27" s="84">
        <v>195339</v>
      </c>
      <c r="O27" s="84">
        <v>144826019</v>
      </c>
    </row>
    <row r="28" spans="2:15" ht="21.95" customHeight="1" x14ac:dyDescent="0.15">
      <c r="B28" s="86"/>
      <c r="C28" s="87"/>
      <c r="D28" s="87" t="s">
        <v>25</v>
      </c>
      <c r="E28" s="87"/>
      <c r="F28" s="87"/>
      <c r="G28" s="87"/>
      <c r="H28" s="88"/>
      <c r="I28" s="84">
        <v>144093957</v>
      </c>
      <c r="J28" s="85">
        <v>0</v>
      </c>
      <c r="K28" s="85">
        <v>0</v>
      </c>
      <c r="L28" s="84">
        <v>144093957</v>
      </c>
      <c r="M28" s="84">
        <v>0</v>
      </c>
      <c r="N28" s="84">
        <v>0</v>
      </c>
      <c r="O28" s="84">
        <v>144093957</v>
      </c>
    </row>
    <row r="29" spans="2:15" ht="21.95" customHeight="1" x14ac:dyDescent="0.15">
      <c r="B29" s="86"/>
      <c r="C29" s="87"/>
      <c r="D29" s="87" t="s">
        <v>26</v>
      </c>
      <c r="E29" s="87"/>
      <c r="F29" s="87"/>
      <c r="G29" s="87"/>
      <c r="H29" s="88"/>
      <c r="I29" s="84">
        <v>2415490</v>
      </c>
      <c r="J29" s="85">
        <v>81400</v>
      </c>
      <c r="K29" s="85">
        <v>0</v>
      </c>
      <c r="L29" s="84">
        <v>2496890</v>
      </c>
      <c r="M29" s="84">
        <v>1764828</v>
      </c>
      <c r="N29" s="84">
        <v>195339</v>
      </c>
      <c r="O29" s="84">
        <v>732062</v>
      </c>
    </row>
    <row r="30" spans="2:15" ht="21.95" customHeight="1" x14ac:dyDescent="0.15">
      <c r="B30" s="81" t="s">
        <v>27</v>
      </c>
      <c r="C30" s="82"/>
      <c r="D30" s="82"/>
      <c r="E30" s="82"/>
      <c r="F30" s="82"/>
      <c r="G30" s="82"/>
      <c r="H30" s="83"/>
      <c r="I30" s="84">
        <v>8008855821008</v>
      </c>
      <c r="J30" s="85">
        <v>9713935345</v>
      </c>
      <c r="K30" s="85">
        <v>2748098572</v>
      </c>
      <c r="L30" s="84">
        <v>8015821657781</v>
      </c>
      <c r="M30" s="84">
        <v>1118267944552</v>
      </c>
      <c r="N30" s="84">
        <v>34782266711</v>
      </c>
      <c r="O30" s="84">
        <v>6897553713229</v>
      </c>
    </row>
    <row r="31" spans="2:15" ht="21.95" customHeight="1" x14ac:dyDescent="0.15">
      <c r="B31" s="81"/>
      <c r="C31" s="82" t="s">
        <v>28</v>
      </c>
      <c r="D31" s="82"/>
      <c r="E31" s="82"/>
      <c r="F31" s="82"/>
      <c r="G31" s="82"/>
      <c r="H31" s="83"/>
      <c r="I31" s="84">
        <v>8008001059304</v>
      </c>
      <c r="J31" s="85">
        <v>9713935345</v>
      </c>
      <c r="K31" s="85">
        <v>2748098572</v>
      </c>
      <c r="L31" s="84">
        <v>8014966896077</v>
      </c>
      <c r="M31" s="84">
        <v>1118267944552</v>
      </c>
      <c r="N31" s="84">
        <v>34782266711</v>
      </c>
      <c r="O31" s="84">
        <v>6896698951525</v>
      </c>
    </row>
    <row r="32" spans="2:15" ht="21.95" customHeight="1" x14ac:dyDescent="0.15">
      <c r="B32" s="81"/>
      <c r="C32" s="82"/>
      <c r="D32" s="82" t="s">
        <v>17</v>
      </c>
      <c r="E32" s="82"/>
      <c r="F32" s="82"/>
      <c r="G32" s="82"/>
      <c r="H32" s="83"/>
      <c r="I32" s="84">
        <v>6077962127473</v>
      </c>
      <c r="J32" s="85">
        <v>2658719795</v>
      </c>
      <c r="K32" s="85">
        <v>1765577750</v>
      </c>
      <c r="L32" s="84">
        <v>6078855269518</v>
      </c>
      <c r="M32" s="84">
        <v>0</v>
      </c>
      <c r="N32" s="84">
        <v>0</v>
      </c>
      <c r="O32" s="84">
        <v>6078855269518</v>
      </c>
    </row>
    <row r="33" spans="2:15" ht="21.95" customHeight="1" x14ac:dyDescent="0.15">
      <c r="B33" s="81"/>
      <c r="C33" s="82"/>
      <c r="D33" s="82" t="s">
        <v>18</v>
      </c>
      <c r="E33" s="82"/>
      <c r="F33" s="82"/>
      <c r="G33" s="82"/>
      <c r="H33" s="83"/>
      <c r="I33" s="84">
        <v>8574079063</v>
      </c>
      <c r="J33" s="85">
        <v>0</v>
      </c>
      <c r="K33" s="85">
        <v>0</v>
      </c>
      <c r="L33" s="84">
        <v>8574079063</v>
      </c>
      <c r="M33" s="84">
        <v>5758475216</v>
      </c>
      <c r="N33" s="84">
        <v>167738772</v>
      </c>
      <c r="O33" s="84">
        <v>2815603847</v>
      </c>
    </row>
    <row r="34" spans="2:15" ht="21.95" customHeight="1" x14ac:dyDescent="0.15">
      <c r="B34" s="81"/>
      <c r="C34" s="82"/>
      <c r="D34" s="82" t="s">
        <v>19</v>
      </c>
      <c r="E34" s="82"/>
      <c r="F34" s="82"/>
      <c r="G34" s="82"/>
      <c r="H34" s="83"/>
      <c r="I34" s="84">
        <v>1921464852768</v>
      </c>
      <c r="J34" s="85">
        <v>7055215550</v>
      </c>
      <c r="K34" s="85">
        <v>982520822</v>
      </c>
      <c r="L34" s="84">
        <v>1927537547496</v>
      </c>
      <c r="M34" s="84">
        <v>1112509469336</v>
      </c>
      <c r="N34" s="84">
        <v>34614527939</v>
      </c>
      <c r="O34" s="84">
        <v>815028078160</v>
      </c>
    </row>
    <row r="35" spans="2:15" ht="21.95" customHeight="1" x14ac:dyDescent="0.15">
      <c r="B35" s="86"/>
      <c r="C35" s="244" t="s">
        <v>29</v>
      </c>
      <c r="D35" s="244"/>
      <c r="E35" s="244"/>
      <c r="F35" s="244"/>
      <c r="G35" s="87"/>
      <c r="H35" s="88"/>
      <c r="I35" s="84">
        <v>854761704</v>
      </c>
      <c r="J35" s="85">
        <v>0</v>
      </c>
      <c r="K35" s="85">
        <v>0</v>
      </c>
      <c r="L35" s="84">
        <v>854761704</v>
      </c>
      <c r="M35" s="84">
        <v>0</v>
      </c>
      <c r="N35" s="84">
        <v>0</v>
      </c>
      <c r="O35" s="84">
        <v>854761704</v>
      </c>
    </row>
    <row r="36" spans="2:15" ht="21.95" customHeight="1" x14ac:dyDescent="0.15">
      <c r="B36" s="86"/>
      <c r="C36" s="87"/>
      <c r="D36" s="87" t="s">
        <v>25</v>
      </c>
      <c r="E36" s="87"/>
      <c r="F36" s="87"/>
      <c r="G36" s="87"/>
      <c r="H36" s="88"/>
      <c r="I36" s="84">
        <v>854761704</v>
      </c>
      <c r="J36" s="85">
        <v>0</v>
      </c>
      <c r="K36" s="85">
        <v>0</v>
      </c>
      <c r="L36" s="84">
        <v>854761704</v>
      </c>
      <c r="M36" s="84">
        <v>0</v>
      </c>
      <c r="N36" s="84">
        <v>0</v>
      </c>
      <c r="O36" s="84">
        <v>854761704</v>
      </c>
    </row>
    <row r="37" spans="2:15" ht="21.95" customHeight="1" x14ac:dyDescent="0.15">
      <c r="B37" s="86"/>
      <c r="C37" s="87"/>
      <c r="D37" s="87" t="s">
        <v>26</v>
      </c>
      <c r="E37" s="87"/>
      <c r="F37" s="87"/>
      <c r="G37" s="87"/>
      <c r="H37" s="88"/>
      <c r="I37" s="84">
        <v>0</v>
      </c>
      <c r="J37" s="85">
        <v>0</v>
      </c>
      <c r="K37" s="85">
        <v>0</v>
      </c>
      <c r="L37" s="84">
        <v>0</v>
      </c>
      <c r="M37" s="84">
        <v>0</v>
      </c>
      <c r="N37" s="84">
        <v>0</v>
      </c>
      <c r="O37" s="84">
        <v>0</v>
      </c>
    </row>
    <row r="38" spans="2:15" ht="21.95" customHeight="1" x14ac:dyDescent="0.15">
      <c r="B38" s="81" t="s">
        <v>30</v>
      </c>
      <c r="C38" s="82"/>
      <c r="D38" s="82"/>
      <c r="E38" s="82"/>
      <c r="F38" s="82"/>
      <c r="G38" s="82"/>
      <c r="H38" s="83"/>
      <c r="I38" s="84">
        <v>105181423035</v>
      </c>
      <c r="J38" s="85">
        <v>3976507834</v>
      </c>
      <c r="K38" s="85">
        <v>64744605127</v>
      </c>
      <c r="L38" s="84">
        <v>44413325742</v>
      </c>
      <c r="M38" s="84">
        <v>34081815840</v>
      </c>
      <c r="N38" s="84">
        <v>2245145144</v>
      </c>
      <c r="O38" s="84">
        <v>10331509902</v>
      </c>
    </row>
    <row r="39" spans="2:15" ht="21.95" customHeight="1" x14ac:dyDescent="0.15">
      <c r="B39" s="81" t="s">
        <v>31</v>
      </c>
      <c r="C39" s="82"/>
      <c r="D39" s="82"/>
      <c r="E39" s="82"/>
      <c r="F39" s="82"/>
      <c r="G39" s="82"/>
      <c r="H39" s="83"/>
      <c r="I39" s="84">
        <v>14383402211</v>
      </c>
      <c r="J39" s="85">
        <v>5316046369</v>
      </c>
      <c r="K39" s="85">
        <v>3006888971</v>
      </c>
      <c r="L39" s="84">
        <v>16692559609</v>
      </c>
      <c r="M39" s="84">
        <v>8660189988</v>
      </c>
      <c r="N39" s="84">
        <v>1987334953</v>
      </c>
      <c r="O39" s="84">
        <v>8032369621</v>
      </c>
    </row>
    <row r="40" spans="2:15" ht="21.95" customHeight="1" x14ac:dyDescent="0.15">
      <c r="B40" s="86" t="s">
        <v>32</v>
      </c>
      <c r="C40" s="87"/>
      <c r="D40" s="87"/>
      <c r="E40" s="87"/>
      <c r="F40" s="87"/>
      <c r="G40" s="87"/>
      <c r="H40" s="88"/>
      <c r="I40" s="84">
        <v>24023043035</v>
      </c>
      <c r="J40" s="85">
        <v>2434053688</v>
      </c>
      <c r="K40" s="85">
        <v>834950492</v>
      </c>
      <c r="L40" s="84">
        <v>25622146231</v>
      </c>
      <c r="M40" s="84">
        <v>19919426824</v>
      </c>
      <c r="N40" s="84">
        <v>2848457467</v>
      </c>
      <c r="O40" s="84">
        <v>5702719407</v>
      </c>
    </row>
    <row r="41" spans="2:15" ht="21.95" customHeight="1" x14ac:dyDescent="0.15">
      <c r="B41" s="86" t="s">
        <v>33</v>
      </c>
      <c r="C41" s="87"/>
      <c r="D41" s="87"/>
      <c r="E41" s="87"/>
      <c r="F41" s="87"/>
      <c r="G41" s="87"/>
      <c r="H41" s="88"/>
      <c r="I41" s="84">
        <v>186719578390</v>
      </c>
      <c r="J41" s="85">
        <v>73805048250</v>
      </c>
      <c r="K41" s="85">
        <v>59808174849</v>
      </c>
      <c r="L41" s="84">
        <v>200716451791</v>
      </c>
      <c r="M41" s="84">
        <v>0</v>
      </c>
      <c r="N41" s="84">
        <v>0</v>
      </c>
      <c r="O41" s="84">
        <v>200716451791</v>
      </c>
    </row>
    <row r="42" spans="2:15" ht="21.95" customHeight="1" x14ac:dyDescent="0.15">
      <c r="B42" s="86" t="s">
        <v>38</v>
      </c>
      <c r="C42" s="87"/>
      <c r="D42" s="87"/>
      <c r="E42" s="87"/>
      <c r="F42" s="87"/>
      <c r="G42" s="87"/>
      <c r="H42" s="88"/>
      <c r="I42" s="84">
        <v>0</v>
      </c>
      <c r="J42" s="85">
        <v>0</v>
      </c>
      <c r="K42" s="85">
        <v>0</v>
      </c>
      <c r="L42" s="84">
        <v>0</v>
      </c>
      <c r="M42" s="84">
        <v>0</v>
      </c>
      <c r="N42" s="84">
        <v>0</v>
      </c>
      <c r="O42" s="84">
        <v>0</v>
      </c>
    </row>
    <row r="43" spans="2:15" ht="21.95" customHeight="1" x14ac:dyDescent="0.15">
      <c r="B43" s="301" t="s">
        <v>218</v>
      </c>
      <c r="C43" s="302"/>
      <c r="D43" s="302"/>
      <c r="E43" s="302"/>
      <c r="F43" s="302"/>
      <c r="G43" s="302"/>
      <c r="H43" s="303"/>
      <c r="I43" s="84">
        <v>16084927671687</v>
      </c>
      <c r="J43" s="85">
        <v>157379069645</v>
      </c>
      <c r="K43" s="85">
        <v>209822660934</v>
      </c>
      <c r="L43" s="84">
        <v>16032484080398</v>
      </c>
      <c r="M43" s="84">
        <v>2622993060653</v>
      </c>
      <c r="N43" s="84">
        <v>95947845223</v>
      </c>
      <c r="O43" s="84">
        <v>13409491019745</v>
      </c>
    </row>
    <row r="44" spans="2:15" ht="12" customHeight="1" x14ac:dyDescent="0.15"/>
    <row r="45" spans="2:15" ht="21.95" customHeight="1" x14ac:dyDescent="0.15">
      <c r="B45" s="290"/>
      <c r="C45" s="290"/>
      <c r="D45" s="290"/>
      <c r="E45" s="290"/>
      <c r="F45" s="290"/>
      <c r="G45" s="290"/>
      <c r="H45" s="290"/>
      <c r="I45" s="290"/>
      <c r="J45" s="290"/>
      <c r="K45" s="290"/>
      <c r="L45" s="290"/>
      <c r="M45" s="290"/>
      <c r="N45" s="290"/>
      <c r="O45" s="290"/>
    </row>
  </sheetData>
  <mergeCells count="8">
    <mergeCell ref="B45:O45"/>
    <mergeCell ref="B12:K13"/>
    <mergeCell ref="L12:O13"/>
    <mergeCell ref="A1:K1"/>
    <mergeCell ref="A5:K5"/>
    <mergeCell ref="L5:P5"/>
    <mergeCell ref="B16:H17"/>
    <mergeCell ref="B43:H43"/>
  </mergeCells>
  <phoneticPr fontId="24"/>
  <printOptions horizontalCentered="1"/>
  <pageMargins left="0.19685039370078741" right="0.19685039370078741" top="0.31496062992125984" bottom="0.19685039370078741" header="0.11811023622047245" footer="0.11811023622047245"/>
  <pageSetup paperSize="9" scale="58" firstPageNumber="8" fitToWidth="2" orientation="portrait" useFirstPageNumber="1" r:id="rId1"/>
  <headerFooter>
    <oddFooter>&amp;C&amp;"ＭＳ Ｐ明朝,標準"&amp;20&amp;P</oddFooter>
  </headerFooter>
  <colBreaks count="1" manualBreakCount="1">
    <brk id="11" max="48"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1</vt:i4>
      </vt:variant>
      <vt:variant>
        <vt:lpstr>名前付き一覧</vt:lpstr>
      </vt:variant>
      <vt:variant>
        <vt:i4>74</vt:i4>
      </vt:variant>
    </vt:vector>
  </HeadingPairs>
  <TitlesOfParts>
    <vt:vector size="155" baseType="lpstr">
      <vt:lpstr>会計別）表紙</vt:lpstr>
      <vt:lpstr>目次（行間隔修正済み）</vt:lpstr>
      <vt:lpstr>一般）表紙</vt:lpstr>
      <vt:lpstr>一般）貸借対照表</vt:lpstr>
      <vt:lpstr>一般）行政コスト計算書</vt:lpstr>
      <vt:lpstr>一般）純資産変動計算書</vt:lpstr>
      <vt:lpstr>一般）キャッシュフロー計算書</vt:lpstr>
      <vt:lpstr>一般）注記  </vt:lpstr>
      <vt:lpstr>一般）有形固定資産等明細表</vt:lpstr>
      <vt:lpstr>一般）基金明細</vt:lpstr>
      <vt:lpstr>一般）出資金明細</vt:lpstr>
      <vt:lpstr>一般）貸付金明細</vt:lpstr>
      <vt:lpstr>一般）引当金明細表</vt:lpstr>
      <vt:lpstr>食肉）表紙</vt:lpstr>
      <vt:lpstr>食肉）貸借対照表</vt:lpstr>
      <vt:lpstr>食肉）行政コスト計算書</vt:lpstr>
      <vt:lpstr>食肉）純資産変動計算書</vt:lpstr>
      <vt:lpstr>食肉）キャッシュフロー計算書</vt:lpstr>
      <vt:lpstr>食肉）注記</vt:lpstr>
      <vt:lpstr>食肉）有形固定資産等明細表</vt:lpstr>
      <vt:lpstr>食肉）貸付金明細</vt:lpstr>
      <vt:lpstr>食肉）引当金明細表</vt:lpstr>
      <vt:lpstr>駐車場）表紙</vt:lpstr>
      <vt:lpstr>駐車場）貸借対照表</vt:lpstr>
      <vt:lpstr>駐車場）行政コスト計算書</vt:lpstr>
      <vt:lpstr>駐車場）純資産変動計算書</vt:lpstr>
      <vt:lpstr>駐車場）キャッシュフロー計算書</vt:lpstr>
      <vt:lpstr>駐車場）注記</vt:lpstr>
      <vt:lpstr>駐車場）有形固定資産等明細表</vt:lpstr>
      <vt:lpstr>駐車場）引当金明細表</vt:lpstr>
      <vt:lpstr>母子）表紙</vt:lpstr>
      <vt:lpstr>母子）貸借対照表</vt:lpstr>
      <vt:lpstr>母子）行政コスト計算書</vt:lpstr>
      <vt:lpstr>母子）純資産変動計算書</vt:lpstr>
      <vt:lpstr>母子）キャッシュフロー計算書</vt:lpstr>
      <vt:lpstr>母子）注記</vt:lpstr>
      <vt:lpstr>母子）貸付金明細</vt:lpstr>
      <vt:lpstr>母子）引当金明細表</vt:lpstr>
      <vt:lpstr>国保）表紙</vt:lpstr>
      <vt:lpstr>国保）貸借対照表</vt:lpstr>
      <vt:lpstr>国保）行政コスト計算書</vt:lpstr>
      <vt:lpstr>国保）純資産変動計算書</vt:lpstr>
      <vt:lpstr>国保）キャッシュフロー計算書</vt:lpstr>
      <vt:lpstr>国保）注記</vt:lpstr>
      <vt:lpstr>国保）有形固定資産等明細表</vt:lpstr>
      <vt:lpstr>国保）基金明細</vt:lpstr>
      <vt:lpstr>国保）引当金明細表</vt:lpstr>
      <vt:lpstr>心身）表紙</vt:lpstr>
      <vt:lpstr>心身）貸借対照表</vt:lpstr>
      <vt:lpstr>心身）行政コスト計算書</vt:lpstr>
      <vt:lpstr>心身）純資産変動計算書</vt:lpstr>
      <vt:lpstr>心身）キャッシュフロー計算書</vt:lpstr>
      <vt:lpstr>心身）注記</vt:lpstr>
      <vt:lpstr>心身）基金明細 </vt:lpstr>
      <vt:lpstr>心身）引当金明細表</vt:lpstr>
      <vt:lpstr>介護）表紙 </vt:lpstr>
      <vt:lpstr>介護）貸借対照表</vt:lpstr>
      <vt:lpstr>介護）行政コスト計算書</vt:lpstr>
      <vt:lpstr>介護）純資産変動計算書</vt:lpstr>
      <vt:lpstr>介護）キャッシュフロー計算書</vt:lpstr>
      <vt:lpstr>介護）注記</vt:lpstr>
      <vt:lpstr>介護）有形固定資産等明細表</vt:lpstr>
      <vt:lpstr>介護）基金明細 </vt:lpstr>
      <vt:lpstr>介護）引当金明細表</vt:lpstr>
      <vt:lpstr>後期）表紙</vt:lpstr>
      <vt:lpstr>後期）貸借対照表</vt:lpstr>
      <vt:lpstr>後期）行政コスト計算書</vt:lpstr>
      <vt:lpstr>後期）純資産変動計算書</vt:lpstr>
      <vt:lpstr>後期）キャッシュフロー計算書</vt:lpstr>
      <vt:lpstr>後期）注記</vt:lpstr>
      <vt:lpstr>後期）有形固定資産等明細表</vt:lpstr>
      <vt:lpstr>後期）引当金明細表</vt:lpstr>
      <vt:lpstr>公債費）表紙</vt:lpstr>
      <vt:lpstr>公債費）貸借対照表</vt:lpstr>
      <vt:lpstr>公債費）行政コスト計算書</vt:lpstr>
      <vt:lpstr>公債費）純資産変動計算書</vt:lpstr>
      <vt:lpstr>公債費）キャッシュフロー計算書</vt:lpstr>
      <vt:lpstr>公債費）注記</vt:lpstr>
      <vt:lpstr>公債費）有形固定資産等明細表</vt:lpstr>
      <vt:lpstr>公債費）基金明細</vt:lpstr>
      <vt:lpstr>公債費）引当金明細表</vt:lpstr>
      <vt:lpstr>'一般）キャッシュフロー計算書'!Print_Area</vt:lpstr>
      <vt:lpstr>'一般）引当金明細表'!Print_Area</vt:lpstr>
      <vt:lpstr>'一般）基金明細'!Print_Area</vt:lpstr>
      <vt:lpstr>'一般）行政コスト計算書'!Print_Area</vt:lpstr>
      <vt:lpstr>'一般）出資金明細'!Print_Area</vt:lpstr>
      <vt:lpstr>'一般）純資産変動計算書'!Print_Area</vt:lpstr>
      <vt:lpstr>'一般）貸借対照表'!Print_Area</vt:lpstr>
      <vt:lpstr>'一般）貸付金明細'!Print_Area</vt:lpstr>
      <vt:lpstr>'一般）注記  '!Print_Area</vt:lpstr>
      <vt:lpstr>'一般）有形固定資産等明細表'!Print_Area</vt:lpstr>
      <vt:lpstr>'介護）キャッシュフロー計算書'!Print_Area</vt:lpstr>
      <vt:lpstr>'介護）引当金明細表'!Print_Area</vt:lpstr>
      <vt:lpstr>'介護）基金明細 '!Print_Area</vt:lpstr>
      <vt:lpstr>'介護）行政コスト計算書'!Print_Area</vt:lpstr>
      <vt:lpstr>'介護）純資産変動計算書'!Print_Area</vt:lpstr>
      <vt:lpstr>'介護）貸借対照表'!Print_Area</vt:lpstr>
      <vt:lpstr>'介護）注記'!Print_Area</vt:lpstr>
      <vt:lpstr>'介護）有形固定資産等明細表'!Print_Area</vt:lpstr>
      <vt:lpstr>'会計別）表紙'!Print_Area</vt:lpstr>
      <vt:lpstr>'後期）キャッシュフロー計算書'!Print_Area</vt:lpstr>
      <vt:lpstr>'後期）引当金明細表'!Print_Area</vt:lpstr>
      <vt:lpstr>'後期）行政コスト計算書'!Print_Area</vt:lpstr>
      <vt:lpstr>'後期）純資産変動計算書'!Print_Area</vt:lpstr>
      <vt:lpstr>'後期）貸借対照表'!Print_Area</vt:lpstr>
      <vt:lpstr>'後期）注記'!Print_Area</vt:lpstr>
      <vt:lpstr>'後期）有形固定資産等明細表'!Print_Area</vt:lpstr>
      <vt:lpstr>'公債費）キャッシュフロー計算書'!Print_Area</vt:lpstr>
      <vt:lpstr>'公債費）引当金明細表'!Print_Area</vt:lpstr>
      <vt:lpstr>'公債費）基金明細'!Print_Area</vt:lpstr>
      <vt:lpstr>'公債費）行政コスト計算書'!Print_Area</vt:lpstr>
      <vt:lpstr>'公債費）純資産変動計算書'!Print_Area</vt:lpstr>
      <vt:lpstr>'公債費）貸借対照表'!Print_Area</vt:lpstr>
      <vt:lpstr>'公債費）注記'!Print_Area</vt:lpstr>
      <vt:lpstr>'公債費）有形固定資産等明細表'!Print_Area</vt:lpstr>
      <vt:lpstr>'国保）キャッシュフロー計算書'!Print_Area</vt:lpstr>
      <vt:lpstr>'国保）引当金明細表'!Print_Area</vt:lpstr>
      <vt:lpstr>'国保）基金明細'!Print_Area</vt:lpstr>
      <vt:lpstr>'国保）行政コスト計算書'!Print_Area</vt:lpstr>
      <vt:lpstr>'国保）純資産変動計算書'!Print_Area</vt:lpstr>
      <vt:lpstr>'国保）貸借対照表'!Print_Area</vt:lpstr>
      <vt:lpstr>'国保）注記'!Print_Area</vt:lpstr>
      <vt:lpstr>'国保）有形固定資産等明細表'!Print_Area</vt:lpstr>
      <vt:lpstr>'食肉）キャッシュフロー計算書'!Print_Area</vt:lpstr>
      <vt:lpstr>'食肉）引当金明細表'!Print_Area</vt:lpstr>
      <vt:lpstr>'食肉）行政コスト計算書'!Print_Area</vt:lpstr>
      <vt:lpstr>'食肉）純資産変動計算書'!Print_Area</vt:lpstr>
      <vt:lpstr>'食肉）貸借対照表'!Print_Area</vt:lpstr>
      <vt:lpstr>'食肉）貸付金明細'!Print_Area</vt:lpstr>
      <vt:lpstr>'食肉）注記'!Print_Area</vt:lpstr>
      <vt:lpstr>'食肉）有形固定資産等明細表'!Print_Area</vt:lpstr>
      <vt:lpstr>'心身）キャッシュフロー計算書'!Print_Area</vt:lpstr>
      <vt:lpstr>'心身）引当金明細表'!Print_Area</vt:lpstr>
      <vt:lpstr>'心身）基金明細 '!Print_Area</vt:lpstr>
      <vt:lpstr>'心身）行政コスト計算書'!Print_Area</vt:lpstr>
      <vt:lpstr>'心身）純資産変動計算書'!Print_Area</vt:lpstr>
      <vt:lpstr>'心身）貸借対照表'!Print_Area</vt:lpstr>
      <vt:lpstr>'心身）注記'!Print_Area</vt:lpstr>
      <vt:lpstr>'駐車場）キャッシュフロー計算書'!Print_Area</vt:lpstr>
      <vt:lpstr>'駐車場）引当金明細表'!Print_Area</vt:lpstr>
      <vt:lpstr>'駐車場）行政コスト計算書'!Print_Area</vt:lpstr>
      <vt:lpstr>'駐車場）純資産変動計算書'!Print_Area</vt:lpstr>
      <vt:lpstr>'駐車場）貸借対照表'!Print_Area</vt:lpstr>
      <vt:lpstr>'駐車場）注記'!Print_Area</vt:lpstr>
      <vt:lpstr>'駐車場）有形固定資産等明細表'!Print_Area</vt:lpstr>
      <vt:lpstr>'母子）キャッシュフロー計算書'!Print_Area</vt:lpstr>
      <vt:lpstr>'母子）引当金明細表'!Print_Area</vt:lpstr>
      <vt:lpstr>'母子）行政コスト計算書'!Print_Area</vt:lpstr>
      <vt:lpstr>'母子）純資産変動計算書'!Print_Area</vt:lpstr>
      <vt:lpstr>'母子）貸借対照表'!Print_Area</vt:lpstr>
      <vt:lpstr>'母子）貸付金明細'!Print_Area</vt:lpstr>
      <vt:lpstr>'母子）注記'!Print_Area</vt:lpstr>
      <vt:lpstr>'介護）基金明細 '!Print_Titles</vt:lpstr>
      <vt:lpstr>'公債費）基金明細'!Print_Titles</vt:lpstr>
      <vt:lpstr>'国保）基金明細'!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10-21T02:39:59Z</dcterms:created>
  <dcterms:modified xsi:type="dcterms:W3CDTF">2020-10-21T02:40:46Z</dcterms:modified>
</cp:coreProperties>
</file>